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2_199_Intraaortálna kontrapulzačná balóniková pumpa\03. Príprava\02. Odoslanie PTK\"/>
    </mc:Choice>
  </mc:AlternateContent>
  <bookViews>
    <workbookView xWindow="-120" yWindow="-120" windowWidth="24240" windowHeight="13140"/>
  </bookViews>
  <sheets>
    <sheet name="Cenová ponuka" sheetId="8" r:id="rId1"/>
  </sheets>
  <definedNames>
    <definedName name="_xlnm.Print_Area" localSheetId="0">'Cenová ponuka'!$A$1:$E$15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12" uniqueCount="209">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1.1 Názov predmetu zákazky:</t>
  </si>
  <si>
    <t>1.2 CPV:</t>
  </si>
  <si>
    <t>1.3 Druh:</t>
  </si>
  <si>
    <t>MJ</t>
  </si>
  <si>
    <t>Názov položky predmetu zákazky</t>
  </si>
  <si>
    <t xml:space="preserve">Požadovaný počet MJ za zmluvné obdobie </t>
  </si>
  <si>
    <t xml:space="preserve">3.1.a)  Rozdelenie na časti: </t>
  </si>
  <si>
    <t>3.1.b)  Zoznam položiek:</t>
  </si>
  <si>
    <t>Poradové číslo</t>
  </si>
  <si>
    <t>Áno</t>
  </si>
  <si>
    <t>Nie</t>
  </si>
  <si>
    <t>2.  FUNKČNÁ ŠPECIFIKÁCIA PREDMETU ZÁKAZKY</t>
  </si>
  <si>
    <t>3.  ROZDELENIE a DOSTUPNOSŤ PREDMETU ZÁKAZKY</t>
  </si>
  <si>
    <t>4. TECHNICKÁ ŠPECIFIKÁCIA PREDMETU ZÁKAZKY</t>
  </si>
  <si>
    <t>60000000-8   Dopravné služby (bez prepravy odpadu)</t>
  </si>
  <si>
    <t xml:space="preserve">spĺňa / nespĺňa </t>
  </si>
  <si>
    <t>hodnota ponúkaného ekvivalentného produktu</t>
  </si>
  <si>
    <t>V súlade s § 25 zákona č. 343/2015 o verejnom obstarávaní za účelom stanovenia požiadaviek (transparentných) na predmet zákazky a predpokladanej hodnoty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tovar</t>
  </si>
  <si>
    <t>Intraortálna balóniková kontrapulzačná pumpa (IABKP)</t>
  </si>
  <si>
    <t>Položka č.1 - Intraortálna balóniková kontrapulzačná  pumpa (IABKP)</t>
  </si>
  <si>
    <t>IABKP vhodná na použitie na mechanickú podporu srdca u pacientov so zlyhávajúcim srdcom na udržanie krvného obehu a to najmä pri zlyhávaní ľavej komory</t>
  </si>
  <si>
    <t>1.</t>
  </si>
  <si>
    <t>automatické vyhodnocovanie aktuálneho EKG a krivky tlaku počas tepu; počas zmeny tepu okamžitá optimalizácia funkcie kontrapulzátora vrátane podpory pacientov s kardiostimulátorom</t>
  </si>
  <si>
    <t>automatické vyhodnocovanie zlyhania konkrétneho EKG zvodu a upozornenie obsluhy kantrapulzátora na túto skutočnosť chybovým hlásením na displeji prístroja s možnosťou korekcie bez prerušenia činnosti prístroja v EKG móde</t>
  </si>
  <si>
    <t>použitie počas mimotelového obehu ak bola kontrapulzácia zavedená pred alebo v priebehu operácie:</t>
  </si>
  <si>
    <t>možnosť nastavenia vnútornej spúšťacej inflácie/deflácie („internal trigger“)</t>
  </si>
  <si>
    <t>možnosť ponechať kontrapulzačný balónik vo vnútri a pri odpájaní mimotelového obehu podporu okamžite využiť</t>
  </si>
  <si>
    <t>spoľahlivá synchronizácia pri tachykardii, ktorá zaistí veľmi rýchle pumpovanie bez akéhokoľvek oneskorenia. Systém musí zvládnuť aj veľmi rýchlu tachykardiu, vrátane fibrilácie predsiení. Jednoznačné rozpoznanie nerelevantných a relevantných signálov. Rozsah rytmu pumpovania min 0-200 srdcových úderov za minútu</t>
  </si>
  <si>
    <t>súčasťou prístroja musí byť doppler na kontrolu arteriálneho prietoku periférie DK</t>
  </si>
  <si>
    <t>automatické vynulovanie, kalibrácia a pravidelná rekalibrácia optického tlakového senzora IAB priamo v pacientovi (in-vivo), bez potreby zásahu obsluhy</t>
  </si>
  <si>
    <t>možnosť poskytnúť tlakové dáta snímané optickým senzorom i konvenčným spôsobom (vodný stĺpec) do pacientskeho monitorovacieho systému – low-level pressure signal output</t>
  </si>
  <si>
    <t>zobrazenie všetkých dôležitých informácií a chybových hlásení bez obmedzenia zobrazovaných parametrov</t>
  </si>
  <si>
    <t>obsluha prístroja cez dotykové, užívateľsky konfigurovateľné rozhranie, funkcia uzamknutia panelu</t>
  </si>
  <si>
    <t>automatické odstraňovanie vlhkosti zo systému, bez potreby prístroj otvárať alebo vypínať</t>
  </si>
  <si>
    <t>zariadenie na detekciu krvi v IAB:</t>
  </si>
  <si>
    <t>spúšťacie (Trigger) módy: auto mód, semi auto mód, EKG, tlakový signál, interný mód, A, V/A-V kardiostimulátor</t>
  </si>
  <si>
    <t>pneumatická jednotka – riadiaci systém tlakový a vákuový rezervoár – rýchle pumpovanie na báze podtlaku:</t>
  </si>
  <si>
    <t>plniaci plyn pre IAB – hélium</t>
  </si>
  <si>
    <t>výdrž pri prevoze v nemocničnom vozíku s pripojenou héliovou fľašou až 3 mesiace nepretržitého pumpovania</t>
  </si>
  <si>
    <t>plniaci objem balónika môže byť pri pumpovaní priebežne menený (augmentácia) a automaticky sa prispôsobuje okolitému tlaku</t>
  </si>
  <si>
    <t>výdrž transportného modulu s vnútorným zásobníkom hélia (bez pripojenej héliovej fľaše) cca. 3 dni nepretržitého pumpovania – rovnaká výdrž aj po vyprázdnení héliovej fľaše</t>
  </si>
  <si>
    <t>dve nezávislé Li-ion batérie</t>
  </si>
  <si>
    <t>možnosť meniť batérie bez prerušenia kontrapulzácie</t>
  </si>
  <si>
    <t>externá nabíjačka batérií pre transportný modul (nie je súčasťou prístroja)</t>
  </si>
  <si>
    <t>farebný displej s možnosťou rýchleho nastavenia požadovaných parametrov, zobrazujúci snímané hodnoty, EKG, arteriálny tlak, tlak v balóniku</t>
  </si>
  <si>
    <t>snímaný ukazovateľ – grafické znázornenie – inflácia/deflácia balóniku</t>
  </si>
  <si>
    <t>ďalšie zobrazované dáta: hemodynamické dáta (tep srdca, systolický a diastolický tlak, augmentovaný diastolický arteriálny tlak, priemerný arteriálny tlak), status napájania (sieť/batéria, zobrazovanie percentuálneho nabitia jednotlivých batérií), augmentácia.</t>
  </si>
  <si>
    <t>51410000-9 Inštalácia lekárskych zariadení</t>
  </si>
  <si>
    <t xml:space="preserve">50421000-2 Opravy a údržba lekárskych zariadení </t>
  </si>
  <si>
    <t>Intraaortálna balóniková kontrapulzačná pumpa (IABKP) s rýchlym pumpovaním na báze prelínania medzi pretlakom a podtlakom s módmi: auto, semi-auto, A, V/A kardiostimulátor, s automatickým vynulovaním a kalibráciou modulu optického merania krvného tlaku, s rýchlym automatickým štartom, s monitorovaním EKG, arteriálneho tlaku, tlaku balónika, s hemodynamickými údajmi a alarmom:</t>
  </si>
  <si>
    <t>1.2</t>
  </si>
  <si>
    <t>1.13</t>
  </si>
  <si>
    <t>1.14</t>
  </si>
  <si>
    <t>1.15</t>
  </si>
  <si>
    <t>1.16</t>
  </si>
  <si>
    <t>1.17</t>
  </si>
  <si>
    <t>1.18</t>
  </si>
  <si>
    <t>1.19</t>
  </si>
  <si>
    <t>1.20</t>
  </si>
  <si>
    <t>1.21</t>
  </si>
  <si>
    <t>1.22</t>
  </si>
  <si>
    <t>1.23</t>
  </si>
  <si>
    <t>1.24</t>
  </si>
  <si>
    <t>1.25</t>
  </si>
  <si>
    <t>1.26</t>
  </si>
  <si>
    <t>1.27</t>
  </si>
  <si>
    <t>1.28</t>
  </si>
  <si>
    <t>prevádzka na batérie - min. 3 hodiny bez dobíjania</t>
  </si>
  <si>
    <t xml:space="preserve">331123000-8 Kardiovaskulárne prístroje  </t>
  </si>
  <si>
    <t>Intraaortálna balóniková kontrapulzačná pumpa</t>
  </si>
  <si>
    <t>hmotnosť prístroja len pre transport - max 25 kg</t>
  </si>
  <si>
    <t>5. MINIMÁLNE OSOBITNÉ ZMLUVNÉ POŽIADAVKY NA PREDMET ZÁKAZKY</t>
  </si>
  <si>
    <t>Požaduje sa:</t>
  </si>
  <si>
    <t>Uchádzač uvedie informáciu, či akceptuje resp. neakceptuje verejným obstarávateľom definované zmluvné požiadavky na predmet zákazky
(v prípade neakceptovania príslušnej požiadavky uvedie dôvod a ním navrhovanú úpravu)</t>
  </si>
  <si>
    <t xml:space="preserve">akceptujem / neakceptujem </t>
  </si>
  <si>
    <t>dôvod neakceptovania požiadavky a návrh jej úpravy</t>
  </si>
  <si>
    <t>Požaduje sa uzatvorenie kúpnej zmluvy.</t>
  </si>
  <si>
    <t xml:space="preserve">6. MINIMÁLNE OSOBITNÉ POŽIADAVKY NA PREDMET ZÁKAZKY A DOKLADY </t>
  </si>
  <si>
    <t>Doklad s názvom ES vyhlásenie o zhode a podklady k nemu, resp. iné doklady, ktoré nahrádzajú požadované potvrdenie</t>
  </si>
  <si>
    <t>6.2</t>
  </si>
  <si>
    <t>6.3</t>
  </si>
  <si>
    <t>Uchádzač uvedie informácie, či akceptuje resp. neakceptuje verejným obstarávateľom definované minimálne osobitné požiadavky na predmet zákazky a doklady 
(v prípade neakceptovania príslušnej požiadavky uvedie dôvod a ním navrhovanú úpravu)</t>
  </si>
  <si>
    <t>Požadované minimálne osobitné požiadavky na predmet zákazky:</t>
  </si>
  <si>
    <t xml:space="preserve">Prospektový materiál </t>
  </si>
  <si>
    <t>7. PRÍLOHY</t>
  </si>
  <si>
    <t>Príloha č. 1</t>
  </si>
  <si>
    <t>Príloha č. 2</t>
  </si>
  <si>
    <t xml:space="preserve">Kalkulácia ceny a návrh na plnenie kritéria na vyhodnotenie ponúk - Štruktúrovaný rozpočet ceny predmetu zákazky </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V:</t>
  </si>
  <si>
    <t>Dňa:</t>
  </si>
  <si>
    <t>podpis:</t>
  </si>
  <si>
    <t>meno:</t>
  </si>
  <si>
    <t>pracovná pozícia:</t>
  </si>
  <si>
    <t>pečiatka:</t>
  </si>
  <si>
    <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6.1</t>
  </si>
  <si>
    <t>Požaduje sa dodanie zariadenia :</t>
  </si>
  <si>
    <t>do tridsiatich (30) pracovných dní od dňa nadobudnutia účinnosti zmluvy resp. odo dňa doručenia Oznámenia o splnení objednávateľom stanovených podmienok a požiadaviek na predmet zákazky dodávateľovi (ďalej len "Oznámenie"),</t>
  </si>
  <si>
    <t>2.</t>
  </si>
  <si>
    <t>2.1.</t>
  </si>
  <si>
    <t>2.2.</t>
  </si>
  <si>
    <t>2.3.</t>
  </si>
  <si>
    <t>2.4.</t>
  </si>
  <si>
    <t>2.5.</t>
  </si>
  <si>
    <t>2.6.</t>
  </si>
  <si>
    <t>v pracovných dňoch,</t>
  </si>
  <si>
    <t>v čase od 08:00 hod. do 14:30 hod.,</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3.</t>
  </si>
  <si>
    <t>4.</t>
  </si>
  <si>
    <t>5.</t>
  </si>
  <si>
    <t>6.</t>
  </si>
  <si>
    <t xml:space="preserve">Objednávateľ zabezpečí za účelom prevzatia zariadenia prístup pre osoby poverené dodávateľom na čas nevyhnutný na vyloženie, kompletizáciu a inštaláciu zariadenia. </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zariadeni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7.</t>
  </si>
  <si>
    <t>8.</t>
  </si>
  <si>
    <t>9.</t>
  </si>
  <si>
    <t>10.</t>
  </si>
  <si>
    <t>11.</t>
  </si>
  <si>
    <t>12.</t>
  </si>
  <si>
    <t>12.1.</t>
  </si>
  <si>
    <t>12.2.</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kúp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dodávky a zabudovanie náhradných dielov, ktoré sú potrebné k riadnej a bezporuchovej prevádzke zariadnia, vrátane demontáže, odvozu a likvidácie použitého a nepotrebného spotrebného materiálu, náplní a náhradných dielov,</t>
  </si>
  <si>
    <t>vykonanie validácií a kalibrácií zariadenia (resp. jeho relevantných častí) s peridi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vykonanie ďalších servisných úkonov a činností predpísaných príslušnou právnou úpravou a aplikovateľnými normami,</t>
  </si>
  <si>
    <t>práce (servisné hodiny) a dojazdy servisných technikov dodávateľ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13.</t>
  </si>
  <si>
    <t>14.</t>
  </si>
  <si>
    <t>14.1.</t>
  </si>
  <si>
    <t>14.2.</t>
  </si>
  <si>
    <t>14.3.</t>
  </si>
  <si>
    <t>14.4.</t>
  </si>
  <si>
    <t>14.5.</t>
  </si>
  <si>
    <t>14.6.</t>
  </si>
  <si>
    <t>14.7.</t>
  </si>
  <si>
    <t>14.8.</t>
  </si>
  <si>
    <t>14.9.</t>
  </si>
  <si>
    <t>Dodávateľ je povinný počas trvania záručnej doby odstrániť vady v nasledujúcich lehotách od nástupu na opravu:</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10,-€ (slovom: desať Eur) za každú začatú hodinu omeškania, najviac však do výšky 10% kúpnej ceny zariadenia, a to pre každý jednotlivý prípad omeškania dodávateľa,</t>
  </si>
  <si>
    <t>nedodržanie dohodnutých lehôt na odstránenie vady: 10,-€ (desať Eur) za každú začatú hodinu omeškania, najviac však do výšky 10% kúpnej ceny zariadenia, a to pre každý jednotlivý prípad omeškania dodávateľa.</t>
  </si>
  <si>
    <t>16.</t>
  </si>
  <si>
    <t>16.1.</t>
  </si>
  <si>
    <t>16.2.</t>
  </si>
  <si>
    <t>17.</t>
  </si>
  <si>
    <t>17.1.</t>
  </si>
  <si>
    <t>17.2.</t>
  </si>
  <si>
    <t>15.</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8.</t>
  </si>
  <si>
    <t>19.</t>
  </si>
  <si>
    <t>20.</t>
  </si>
  <si>
    <t>21.</t>
  </si>
  <si>
    <t>22.</t>
  </si>
  <si>
    <t>23.</t>
  </si>
  <si>
    <t>24.</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V prípade, ak sa na predmet zákazky vykonala prípravná trhová konzultácia, informácie k prípravnej trhovej konzultácie verejný obstarávateľ zverejňuje na www.vusch.sk/verejne-obstaravanie/.</t>
  </si>
  <si>
    <t>25.</t>
  </si>
  <si>
    <t>26.</t>
  </si>
  <si>
    <t>Požaduje sa v zmysle § 340b ods. 5 zákona č. 513/1991 Z.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úrovanej sumy.                                                                                                                                                             *V prípade, ak sa predávajúci rozhodne kupujúcemu poskytnúť zľavu za tzv. predčasnú úhradu (t. t. úhradu pred uplynutím lehoty splatnosti), uvedie výšku %, v akej bude zľava z fakturovanej sumy poskytnutá. Ak takúto zľavu predávajúci nechce poskytnúť, uvedie 0%.</t>
  </si>
  <si>
    <t xml:space="preserve">Servisný technik dodávateľa je povinný nastúpiť na odstránenie vady v mieste inštalácie zariadenia do dvadsiatichštyroch (24) hodín od nahlásenia v pracovný deň medzi 7:00 a 16:00 hod., resp. do 12:00 hod. nasledujúceho pracovného dňa, pokiaľ vada bola nahlásená po 16:00 hod. pracovného dňa alebo počas mimopracovného dňa. </t>
  </si>
  <si>
    <t>oprava vady, pri ktorej nie je potrebná dodávka náhradného dielu najneskôr do štyridsiatichôsmich (48) hodín,</t>
  </si>
  <si>
    <t>oprava vady s dodávkou náhradného dielu najneskôr do sedemdesiatichdvoch (72) hodín. Po márnom uplynutí uvedenej lehoty je dodávateľ povinný dodať zhodné náhradné zariadenie, inak môže objednávateľ od zmluvy odstúpiť.</t>
  </si>
  <si>
    <t>Uchádzač uvedie informácie, či ním ponúkaný produkt spĺňa, resp. nespĺňa verejným obstarávateľom definované požiadavky na predmet zákazky 
(v prípade, ak ponúkaný produkt nespĺňa definované požiadavky uvedie ekvivalentnú hodnotu ním ponúkaného produktu)</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Calibri"/>
      <family val="2"/>
      <charset val="238"/>
      <scheme val="minor"/>
    </font>
    <font>
      <sz val="8"/>
      <color theme="1"/>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7"/>
        <bgColor indexed="64"/>
      </patternFill>
    </fill>
  </fills>
  <borders count="45">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right/>
      <top style="dotted">
        <color auto="1"/>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right/>
      <top style="thin">
        <color auto="1"/>
      </top>
      <bottom style="thin">
        <color auto="1"/>
      </bottom>
      <diagonal/>
    </border>
    <border>
      <left style="medium">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style="dotted">
        <color auto="1"/>
      </right>
      <top style="dotted">
        <color auto="1"/>
      </top>
      <bottom/>
      <diagonal/>
    </border>
    <border>
      <left style="thin">
        <color auto="1"/>
      </left>
      <right style="thin">
        <color auto="1"/>
      </right>
      <top style="thin">
        <color auto="1"/>
      </top>
      <bottom/>
      <diagonal/>
    </border>
    <border>
      <left/>
      <right style="medium">
        <color indexed="64"/>
      </right>
      <top style="thin">
        <color auto="1"/>
      </top>
      <bottom style="thin">
        <color auto="1"/>
      </bottom>
      <diagonal/>
    </border>
    <border>
      <left/>
      <right style="thin">
        <color rgb="FFC00000"/>
      </right>
      <top style="thin">
        <color auto="1"/>
      </top>
      <bottom style="thin">
        <color auto="1"/>
      </bottom>
      <diagonal/>
    </border>
    <border>
      <left style="medium">
        <color indexed="64"/>
      </left>
      <right/>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thin">
        <color indexed="64"/>
      </left>
      <right style="thin">
        <color auto="1"/>
      </right>
      <top style="medium">
        <color indexed="64"/>
      </top>
      <bottom/>
      <diagonal/>
    </border>
    <border>
      <left style="thin">
        <color indexed="64"/>
      </left>
      <right style="thin">
        <color auto="1"/>
      </right>
      <top/>
      <bottom style="thin">
        <color auto="1"/>
      </bottom>
      <diagonal/>
    </border>
    <border>
      <left/>
      <right style="thin">
        <color auto="1"/>
      </right>
      <top/>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diagonal/>
    </border>
    <border>
      <left style="thin">
        <color auto="1"/>
      </left>
      <right/>
      <top/>
      <bottom style="thin">
        <color auto="1"/>
      </bottom>
      <diagonal/>
    </border>
    <border>
      <left/>
      <right style="medium">
        <color indexed="64"/>
      </right>
      <top/>
      <bottom style="thin">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9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9" xfId="0" applyFont="1" applyBorder="1" applyAlignment="1">
      <alignment vertical="center" wrapText="1"/>
    </xf>
    <xf numFmtId="0" fontId="2" fillId="0" borderId="9" xfId="0" applyFont="1" applyFill="1" applyBorder="1" applyAlignment="1">
      <alignment horizontal="center" vertical="center" wrapText="1"/>
    </xf>
    <xf numFmtId="0" fontId="2" fillId="3" borderId="9" xfId="0" applyFont="1" applyFill="1" applyBorder="1" applyAlignment="1">
      <alignment horizontal="left" vertical="top" wrapText="1"/>
    </xf>
    <xf numFmtId="0" fontId="2" fillId="3" borderId="9"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3"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6"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9" xfId="5" applyFont="1" applyFill="1" applyBorder="1" applyAlignment="1">
      <alignment horizontal="right" vertical="center" wrapText="1"/>
    </xf>
    <xf numFmtId="0" fontId="7" fillId="0" borderId="9" xfId="0" applyNumberFormat="1" applyFont="1" applyBorder="1" applyAlignment="1">
      <alignment horizontal="center" vertical="center" wrapText="1"/>
    </xf>
    <xf numFmtId="0" fontId="7" fillId="0" borderId="18" xfId="0" applyNumberFormat="1" applyFont="1" applyBorder="1" applyAlignment="1">
      <alignment horizontal="center" vertical="center" wrapText="1"/>
    </xf>
    <xf numFmtId="0" fontId="13" fillId="0" borderId="9" xfId="0" applyFont="1" applyBorder="1" applyAlignment="1">
      <alignment horizontal="center" vertical="center" wrapText="1"/>
    </xf>
    <xf numFmtId="0" fontId="7" fillId="0" borderId="0" xfId="0" applyFont="1" applyAlignment="1">
      <alignment horizontal="right" vertical="top" wrapText="1"/>
    </xf>
    <xf numFmtId="0" fontId="7" fillId="0" borderId="4"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16" fontId="5" fillId="0" borderId="0" xfId="0" applyNumberFormat="1" applyFont="1" applyFill="1" applyAlignment="1">
      <alignment horizontal="left" wrapText="1"/>
    </xf>
    <xf numFmtId="0" fontId="11" fillId="0" borderId="0" xfId="0" applyNumberFormat="1" applyFont="1" applyBorder="1" applyAlignment="1">
      <alignment vertical="center" wrapText="1"/>
    </xf>
    <xf numFmtId="0" fontId="7" fillId="0" borderId="0" xfId="0" applyNumberFormat="1" applyFont="1" applyBorder="1" applyAlignment="1">
      <alignment vertical="center" wrapText="1"/>
    </xf>
    <xf numFmtId="0" fontId="4" fillId="0" borderId="3" xfId="0" applyFont="1" applyFill="1" applyBorder="1" applyAlignment="1">
      <alignment vertical="center" wrapText="1"/>
    </xf>
    <xf numFmtId="0" fontId="4" fillId="0" borderId="9" xfId="0" applyFont="1" applyFill="1" applyBorder="1" applyAlignment="1">
      <alignment vertical="center" wrapText="1"/>
    </xf>
    <xf numFmtId="0" fontId="2" fillId="0" borderId="0" xfId="0" applyFont="1" applyFill="1" applyBorder="1" applyAlignment="1">
      <alignment vertical="center" wrapText="1"/>
    </xf>
    <xf numFmtId="0" fontId="4" fillId="0" borderId="0" xfId="0" applyFont="1" applyFill="1" applyBorder="1" applyAlignment="1">
      <alignment horizontal="left" vertical="center" wrapText="1"/>
    </xf>
    <xf numFmtId="0" fontId="2" fillId="0" borderId="0" xfId="0" applyFont="1" applyFill="1" applyBorder="1" applyAlignment="1">
      <alignment horizontal="center" vertical="center" wrapText="1"/>
    </xf>
    <xf numFmtId="0" fontId="13" fillId="0" borderId="0" xfId="0" applyFont="1" applyFill="1" applyBorder="1" applyAlignment="1">
      <alignment horizontal="center" vertical="center" wrapText="1"/>
    </xf>
    <xf numFmtId="49" fontId="2" fillId="0" borderId="6" xfId="0" applyNumberFormat="1" applyFont="1" applyFill="1" applyBorder="1" applyAlignment="1">
      <alignment vertical="center" wrapText="1"/>
    </xf>
    <xf numFmtId="0" fontId="7" fillId="0" borderId="25" xfId="0" applyNumberFormat="1" applyFont="1" applyBorder="1" applyAlignment="1">
      <alignment horizontal="center" vertical="center" wrapText="1"/>
    </xf>
    <xf numFmtId="0" fontId="4" fillId="0" borderId="20" xfId="0" applyFont="1" applyBorder="1" applyAlignment="1">
      <alignment horizontal="left" vertical="center" wrapText="1"/>
    </xf>
    <xf numFmtId="0" fontId="4" fillId="0" borderId="20" xfId="0" applyFont="1" applyBorder="1" applyAlignment="1">
      <alignment horizontal="left" vertical="center" wrapText="1"/>
    </xf>
    <xf numFmtId="16" fontId="2" fillId="0" borderId="4" xfId="0" applyNumberFormat="1" applyFont="1" applyBorder="1" applyAlignment="1">
      <alignment horizontal="center" vertical="center"/>
    </xf>
    <xf numFmtId="16" fontId="2" fillId="0" borderId="9" xfId="0" applyNumberFormat="1" applyFont="1" applyBorder="1" applyAlignment="1">
      <alignment horizontal="center" vertical="center"/>
    </xf>
    <xf numFmtId="0" fontId="7" fillId="5" borderId="4" xfId="0" applyNumberFormat="1" applyFont="1" applyFill="1" applyBorder="1" applyAlignment="1">
      <alignment horizontal="center" vertical="center" wrapText="1"/>
    </xf>
    <xf numFmtId="0" fontId="7" fillId="0" borderId="27" xfId="0" applyNumberFormat="1" applyFont="1" applyBorder="1" applyAlignment="1">
      <alignment horizontal="center" vertical="center" wrapText="1"/>
    </xf>
    <xf numFmtId="0" fontId="7" fillId="5" borderId="27"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6" xfId="0" applyNumberFormat="1" applyFont="1" applyFill="1" applyBorder="1" applyAlignment="1">
      <alignment horizontal="center" vertical="center" wrapText="1"/>
    </xf>
    <xf numFmtId="49" fontId="2" fillId="2" borderId="9" xfId="0" applyNumberFormat="1" applyFont="1" applyFill="1" applyBorder="1" applyAlignment="1">
      <alignment horizontal="center" vertical="center" wrapText="1"/>
    </xf>
    <xf numFmtId="16" fontId="2" fillId="0" borderId="9" xfId="0" applyNumberFormat="1" applyFont="1" applyFill="1" applyBorder="1" applyAlignment="1">
      <alignment horizontal="left" vertical="center" wrapText="1"/>
    </xf>
    <xf numFmtId="49" fontId="2" fillId="0" borderId="20" xfId="0" applyNumberFormat="1" applyFont="1" applyFill="1" applyBorder="1" applyAlignment="1">
      <alignment horizontal="center" vertical="center" wrapText="1"/>
    </xf>
    <xf numFmtId="49" fontId="2" fillId="0" borderId="26" xfId="0" applyNumberFormat="1" applyFont="1" applyFill="1" applyBorder="1" applyAlignment="1">
      <alignment horizontal="center" vertical="center" wrapText="1"/>
    </xf>
    <xf numFmtId="49" fontId="2" fillId="0" borderId="3" xfId="0" applyNumberFormat="1" applyFont="1" applyFill="1" applyBorder="1" applyAlignment="1">
      <alignment horizontal="left" vertical="center" wrapText="1"/>
    </xf>
    <xf numFmtId="49" fontId="2" fillId="0" borderId="26" xfId="0" applyNumberFormat="1" applyFont="1" applyFill="1" applyBorder="1" applyAlignment="1">
      <alignment horizontal="left" vertical="center" wrapText="1"/>
    </xf>
    <xf numFmtId="16" fontId="2" fillId="0" borderId="9" xfId="0" applyNumberFormat="1" applyFont="1" applyFill="1" applyBorder="1" applyAlignment="1">
      <alignment horizontal="center" vertical="center"/>
    </xf>
    <xf numFmtId="16" fontId="2" fillId="0" borderId="3" xfId="0" applyNumberFormat="1" applyFont="1" applyFill="1" applyBorder="1" applyAlignment="1">
      <alignment horizontal="left" vertical="center" wrapText="1"/>
    </xf>
    <xf numFmtId="49" fontId="2" fillId="0" borderId="3" xfId="0" applyNumberFormat="1" applyFont="1" applyFill="1" applyBorder="1" applyAlignment="1">
      <alignment horizontal="center" vertical="center" wrapText="1"/>
    </xf>
    <xf numFmtId="0" fontId="2" fillId="7" borderId="9" xfId="0" applyFont="1" applyFill="1" applyBorder="1" applyAlignment="1">
      <alignment vertical="center" wrapText="1"/>
    </xf>
    <xf numFmtId="49" fontId="2" fillId="2" borderId="24" xfId="0" applyNumberFormat="1" applyFont="1" applyFill="1" applyBorder="1" applyAlignment="1">
      <alignment horizontal="center" vertical="center" wrapText="1"/>
    </xf>
    <xf numFmtId="49" fontId="2" fillId="0" borderId="10" xfId="0" applyNumberFormat="1" applyFont="1" applyFill="1" applyBorder="1" applyAlignment="1">
      <alignment horizontal="center" vertical="center" wrapText="1"/>
    </xf>
    <xf numFmtId="0" fontId="4" fillId="0" borderId="0" xfId="0" applyFont="1" applyFill="1" applyAlignment="1">
      <alignment horizontal="left" vertical="top" wrapText="1"/>
    </xf>
    <xf numFmtId="16" fontId="2" fillId="0" borderId="9" xfId="0" applyNumberFormat="1" applyFont="1" applyBorder="1" applyAlignment="1">
      <alignment vertical="center" wrapText="1"/>
    </xf>
    <xf numFmtId="0" fontId="7" fillId="0" borderId="27" xfId="0" applyNumberFormat="1" applyFont="1" applyFill="1" applyBorder="1" applyAlignment="1">
      <alignment horizontal="center" vertical="center" wrapText="1"/>
    </xf>
    <xf numFmtId="16" fontId="2" fillId="0" borderId="9" xfId="0" applyNumberFormat="1" applyFont="1" applyFill="1" applyBorder="1" applyAlignment="1">
      <alignment vertical="center"/>
    </xf>
    <xf numFmtId="0" fontId="2" fillId="0" borderId="9" xfId="0" applyFont="1" applyBorder="1" applyAlignment="1">
      <alignment horizontal="left" vertical="center" wrapText="1"/>
    </xf>
    <xf numFmtId="16" fontId="2" fillId="0" borderId="4" xfId="0" applyNumberFormat="1" applyFont="1" applyFill="1" applyBorder="1" applyAlignment="1">
      <alignment horizontal="left" vertical="center" wrapText="1"/>
    </xf>
    <xf numFmtId="49" fontId="4" fillId="0" borderId="20" xfId="0" applyNumberFormat="1" applyFont="1" applyFill="1" applyBorder="1" applyAlignment="1">
      <alignment vertical="center" wrapText="1"/>
    </xf>
    <xf numFmtId="49" fontId="4" fillId="0" borderId="20" xfId="0" applyNumberFormat="1" applyFont="1" applyFill="1" applyBorder="1" applyAlignment="1">
      <alignment horizontal="left" vertical="center" wrapText="1"/>
    </xf>
    <xf numFmtId="0" fontId="2" fillId="0" borderId="0" xfId="0" applyFont="1"/>
    <xf numFmtId="16" fontId="2" fillId="0" borderId="4" xfId="0" applyNumberFormat="1" applyFont="1" applyBorder="1" applyAlignment="1">
      <alignment vertical="center" wrapText="1"/>
    </xf>
    <xf numFmtId="49" fontId="4" fillId="0" borderId="9" xfId="0" applyNumberFormat="1" applyFont="1" applyFill="1" applyBorder="1" applyAlignment="1">
      <alignment horizontal="center" vertical="center" wrapText="1"/>
    </xf>
    <xf numFmtId="49" fontId="2" fillId="0" borderId="4" xfId="0" applyNumberFormat="1" applyFont="1" applyBorder="1" applyAlignment="1">
      <alignment horizontal="center" vertical="center"/>
    </xf>
    <xf numFmtId="49" fontId="2" fillId="0" borderId="9" xfId="0" applyNumberFormat="1" applyFont="1" applyBorder="1" applyAlignment="1">
      <alignment horizontal="center" vertical="center"/>
    </xf>
    <xf numFmtId="49" fontId="2" fillId="0" borderId="6" xfId="0" applyNumberFormat="1" applyFont="1" applyFill="1" applyBorder="1" applyAlignment="1">
      <alignment horizontal="center" vertical="center"/>
    </xf>
    <xf numFmtId="49" fontId="2" fillId="0" borderId="9" xfId="0" applyNumberFormat="1" applyFont="1" applyFill="1" applyBorder="1" applyAlignment="1">
      <alignment horizontal="center" vertical="center"/>
    </xf>
    <xf numFmtId="49" fontId="2" fillId="0" borderId="4" xfId="0" applyNumberFormat="1" applyFont="1" applyFill="1" applyBorder="1" applyAlignment="1">
      <alignment horizontal="center" vertical="center"/>
    </xf>
    <xf numFmtId="49" fontId="2" fillId="0" borderId="9" xfId="0" applyNumberFormat="1" applyFont="1" applyFill="1" applyBorder="1" applyAlignment="1">
      <alignment vertical="center" wrapText="1"/>
    </xf>
    <xf numFmtId="49" fontId="2" fillId="0" borderId="34" xfId="0" applyNumberFormat="1" applyFont="1" applyFill="1" applyBorder="1" applyAlignment="1">
      <alignment vertical="center" wrapText="1"/>
    </xf>
    <xf numFmtId="49" fontId="2" fillId="0" borderId="35" xfId="0" applyNumberFormat="1" applyFont="1" applyFill="1" applyBorder="1" applyAlignment="1">
      <alignment horizontal="center" vertical="center" wrapText="1"/>
    </xf>
    <xf numFmtId="49" fontId="2" fillId="0" borderId="36" xfId="0" applyNumberFormat="1" applyFont="1" applyFill="1" applyBorder="1" applyAlignment="1">
      <alignment horizontal="center" vertical="center" wrapText="1"/>
    </xf>
    <xf numFmtId="49" fontId="2" fillId="0" borderId="37" xfId="0" applyNumberFormat="1" applyFont="1" applyFill="1" applyBorder="1" applyAlignment="1">
      <alignment vertical="center" wrapText="1"/>
    </xf>
    <xf numFmtId="49" fontId="2" fillId="6" borderId="37" xfId="0" applyNumberFormat="1" applyFont="1" applyFill="1" applyBorder="1" applyAlignment="1">
      <alignment vertical="center" wrapText="1"/>
    </xf>
    <xf numFmtId="49" fontId="2" fillId="6" borderId="9" xfId="0" applyNumberFormat="1" applyFont="1" applyFill="1" applyBorder="1" applyAlignment="1">
      <alignment vertical="center" wrapText="1"/>
    </xf>
    <xf numFmtId="49" fontId="2" fillId="6" borderId="38" xfId="0" applyNumberFormat="1" applyFont="1" applyFill="1" applyBorder="1" applyAlignment="1">
      <alignment vertical="center" wrapText="1"/>
    </xf>
    <xf numFmtId="49" fontId="2" fillId="6" borderId="39" xfId="0" applyNumberFormat="1" applyFont="1" applyFill="1" applyBorder="1" applyAlignment="1">
      <alignment vertical="center" wrapText="1"/>
    </xf>
    <xf numFmtId="49" fontId="2" fillId="6" borderId="35" xfId="0" applyNumberFormat="1" applyFont="1" applyFill="1" applyBorder="1" applyAlignment="1">
      <alignment horizontal="center" vertical="center" wrapText="1"/>
    </xf>
    <xf numFmtId="49" fontId="2" fillId="6" borderId="40" xfId="0" applyNumberFormat="1" applyFont="1" applyFill="1" applyBorder="1" applyAlignment="1">
      <alignment horizontal="center" vertical="center" wrapText="1"/>
    </xf>
    <xf numFmtId="49" fontId="2" fillId="6" borderId="6" xfId="0" applyNumberFormat="1" applyFont="1" applyFill="1" applyBorder="1" applyAlignment="1">
      <alignment vertical="center" wrapText="1"/>
    </xf>
    <xf numFmtId="49" fontId="2" fillId="6" borderId="34" xfId="0" applyNumberFormat="1" applyFont="1" applyFill="1" applyBorder="1" applyAlignment="1">
      <alignment vertical="center" wrapText="1"/>
    </xf>
    <xf numFmtId="49" fontId="2" fillId="6" borderId="6" xfId="0" applyNumberFormat="1" applyFont="1" applyFill="1" applyBorder="1" applyAlignment="1">
      <alignment horizontal="left" vertical="center" wrapText="1"/>
    </xf>
    <xf numFmtId="0" fontId="2" fillId="0" borderId="9" xfId="0" applyFont="1" applyFill="1" applyBorder="1" applyAlignment="1">
      <alignment horizontal="left" vertical="center" wrapText="1"/>
    </xf>
    <xf numFmtId="0" fontId="4" fillId="0" borderId="3" xfId="0" applyFont="1" applyFill="1" applyBorder="1" applyAlignment="1">
      <alignment horizontal="left" vertical="center" wrapText="1"/>
    </xf>
    <xf numFmtId="0" fontId="4" fillId="6" borderId="3" xfId="0" applyFont="1" applyFill="1" applyBorder="1" applyAlignment="1">
      <alignment horizontal="left" vertical="center" wrapText="1"/>
    </xf>
    <xf numFmtId="0" fontId="3" fillId="0" borderId="9" xfId="0" applyFont="1" applyFill="1" applyBorder="1" applyAlignment="1">
      <alignment horizontal="left" vertical="center" wrapText="1"/>
    </xf>
    <xf numFmtId="0" fontId="3" fillId="0" borderId="18" xfId="0" applyFont="1" applyFill="1" applyBorder="1" applyAlignment="1">
      <alignment horizontal="left" vertical="center" wrapText="1"/>
    </xf>
    <xf numFmtId="0" fontId="3" fillId="4" borderId="0" xfId="0" applyFont="1" applyFill="1" applyBorder="1" applyAlignment="1">
      <alignment horizontal="center" vertical="center" wrapText="1"/>
    </xf>
    <xf numFmtId="0" fontId="2" fillId="0" borderId="9" xfId="0" applyFont="1" applyFill="1" applyBorder="1" applyAlignment="1">
      <alignment horizontal="left" vertical="center" wrapText="1"/>
    </xf>
    <xf numFmtId="0" fontId="2" fillId="0" borderId="8" xfId="0" applyFont="1" applyFill="1" applyBorder="1" applyAlignment="1">
      <alignment horizontal="left" vertical="center" wrapText="1"/>
    </xf>
    <xf numFmtId="0" fontId="2" fillId="6" borderId="9" xfId="0" applyFont="1" applyFill="1" applyBorder="1" applyAlignment="1">
      <alignment horizontal="left" vertical="center" wrapText="1"/>
    </xf>
    <xf numFmtId="0" fontId="2" fillId="6" borderId="8" xfId="0" applyFont="1" applyFill="1" applyBorder="1" applyAlignment="1">
      <alignment horizontal="left" vertical="center" wrapText="1"/>
    </xf>
    <xf numFmtId="49" fontId="2" fillId="0" borderId="3"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49" fontId="2" fillId="0" borderId="9" xfId="0" applyNumberFormat="1" applyFont="1" applyBorder="1" applyAlignment="1">
      <alignment horizontal="left" vertical="center" wrapText="1"/>
    </xf>
    <xf numFmtId="49" fontId="2" fillId="0" borderId="8" xfId="0" applyNumberFormat="1" applyFont="1" applyBorder="1" applyAlignment="1">
      <alignment horizontal="left" vertical="center" wrapText="1"/>
    </xf>
    <xf numFmtId="0" fontId="3" fillId="4" borderId="0" xfId="0" applyFont="1" applyFill="1" applyAlignment="1">
      <alignment horizontal="center" vertical="center" wrapText="1"/>
    </xf>
    <xf numFmtId="49" fontId="2" fillId="5" borderId="9" xfId="0" applyNumberFormat="1" applyFont="1" applyFill="1" applyBorder="1" applyAlignment="1">
      <alignment horizontal="left" vertical="center" wrapText="1"/>
    </xf>
    <xf numFmtId="49" fontId="2" fillId="5" borderId="8" xfId="0" applyNumberFormat="1" applyFont="1" applyFill="1" applyBorder="1" applyAlignment="1">
      <alignment horizontal="left" vertical="center" wrapText="1"/>
    </xf>
    <xf numFmtId="49" fontId="2" fillId="0" borderId="3" xfId="0" applyNumberFormat="1" applyFont="1" applyFill="1" applyBorder="1" applyAlignment="1">
      <alignment horizontal="center" vertical="center" wrapText="1"/>
    </xf>
    <xf numFmtId="49" fontId="2" fillId="0" borderId="26" xfId="0" applyNumberFormat="1" applyFont="1" applyFill="1" applyBorder="1" applyAlignment="1">
      <alignment horizontal="center"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3" fillId="0" borderId="0" xfId="0" applyNumberFormat="1" applyFont="1" applyAlignment="1">
      <alignment horizontal="left" vertical="top" wrapText="1"/>
    </xf>
    <xf numFmtId="0" fontId="9"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3" fillId="2" borderId="9" xfId="0" applyNumberFormat="1" applyFont="1" applyFill="1" applyBorder="1" applyAlignment="1">
      <alignment horizontal="left" vertical="top" wrapText="1"/>
    </xf>
    <xf numFmtId="49" fontId="2" fillId="2" borderId="14" xfId="0" applyNumberFormat="1" applyFont="1" applyFill="1" applyBorder="1" applyAlignment="1">
      <alignment horizontal="center" vertical="center" wrapText="1"/>
    </xf>
    <xf numFmtId="49" fontId="2" fillId="2" borderId="15"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3" xfId="0" applyFont="1" applyFill="1" applyBorder="1" applyAlignment="1">
      <alignment horizontal="left" vertical="top" wrapText="1"/>
    </xf>
    <xf numFmtId="0" fontId="2" fillId="3" borderId="4" xfId="0" applyFont="1" applyFill="1" applyBorder="1" applyAlignment="1">
      <alignment horizontal="left" vertical="top" wrapText="1"/>
    </xf>
    <xf numFmtId="0" fontId="4" fillId="0" borderId="3" xfId="0" applyFont="1" applyBorder="1" applyAlignment="1">
      <alignment horizontal="left" vertical="center" wrapText="1"/>
    </xf>
    <xf numFmtId="0" fontId="4" fillId="0" borderId="4" xfId="0" applyFont="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3" fillId="0" borderId="0" xfId="0" applyFont="1" applyAlignment="1">
      <alignment horizont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3" fillId="2" borderId="17" xfId="0" applyFont="1" applyFill="1" applyBorder="1" applyAlignment="1">
      <alignment horizontal="center" vertical="top" wrapText="1"/>
    </xf>
    <xf numFmtId="0" fontId="3" fillId="2" borderId="7" xfId="0" applyFont="1" applyFill="1" applyBorder="1" applyAlignment="1">
      <alignment horizontal="center" vertical="top" wrapText="1"/>
    </xf>
    <xf numFmtId="49" fontId="2" fillId="2" borderId="9" xfId="0" applyNumberFormat="1" applyFont="1" applyFill="1" applyBorder="1" applyAlignment="1">
      <alignment horizontal="center" vertical="center" wrapText="1"/>
    </xf>
    <xf numFmtId="49" fontId="2" fillId="2" borderId="8" xfId="0" applyNumberFormat="1" applyFont="1" applyFill="1" applyBorder="1" applyAlignment="1">
      <alignment horizontal="center" vertical="center" wrapText="1"/>
    </xf>
    <xf numFmtId="49" fontId="5" fillId="5" borderId="28" xfId="0" applyNumberFormat="1" applyFont="1" applyFill="1" applyBorder="1" applyAlignment="1">
      <alignment horizontal="left" vertical="center" wrapText="1"/>
    </xf>
    <xf numFmtId="49" fontId="5" fillId="5" borderId="33" xfId="0" applyNumberFormat="1" applyFont="1" applyFill="1" applyBorder="1" applyAlignment="1">
      <alignment horizontal="left" vertical="center" wrapText="1"/>
    </xf>
    <xf numFmtId="49" fontId="5" fillId="5" borderId="21"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2" fillId="0" borderId="9" xfId="0" applyNumberFormat="1" applyFont="1" applyFill="1" applyBorder="1" applyAlignment="1">
      <alignment horizontal="left" vertical="center" wrapText="1"/>
    </xf>
    <xf numFmtId="49" fontId="2" fillId="0" borderId="8" xfId="0" applyNumberFormat="1" applyFont="1" applyFill="1" applyBorder="1" applyAlignment="1">
      <alignment horizontal="left" vertical="center" wrapText="1"/>
    </xf>
    <xf numFmtId="49" fontId="2" fillId="5" borderId="20" xfId="0" applyNumberFormat="1" applyFont="1" applyFill="1" applyBorder="1" applyAlignment="1">
      <alignment horizontal="center" vertical="center" wrapText="1"/>
    </xf>
    <xf numFmtId="49" fontId="2" fillId="5" borderId="26" xfId="0" applyNumberFormat="1" applyFont="1" applyFill="1" applyBorder="1" applyAlignment="1">
      <alignment horizontal="center" vertical="center" wrapText="1"/>
    </xf>
    <xf numFmtId="49" fontId="2" fillId="5" borderId="3" xfId="0" applyNumberFormat="1" applyFont="1" applyFill="1" applyBorder="1" applyAlignment="1">
      <alignment horizontal="center" vertical="center" wrapText="1"/>
    </xf>
    <xf numFmtId="49" fontId="2" fillId="0" borderId="20" xfId="0" applyNumberFormat="1" applyFont="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3" fillId="2" borderId="1"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28"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0" fontId="2" fillId="2" borderId="12" xfId="0" applyFont="1" applyFill="1" applyBorder="1" applyAlignment="1">
      <alignment horizontal="center" vertical="top" wrapText="1"/>
    </xf>
    <xf numFmtId="0" fontId="2" fillId="2" borderId="11" xfId="0" applyFont="1" applyFill="1" applyBorder="1" applyAlignment="1">
      <alignment horizontal="center" vertical="top" wrapText="1"/>
    </xf>
    <xf numFmtId="0" fontId="2" fillId="2" borderId="2" xfId="0" applyFont="1" applyFill="1" applyBorder="1" applyAlignment="1">
      <alignment horizontal="center" vertical="top" wrapText="1"/>
    </xf>
    <xf numFmtId="49" fontId="2" fillId="2" borderId="29" xfId="0" applyNumberFormat="1" applyFont="1" applyFill="1" applyBorder="1" applyAlignment="1">
      <alignment horizontal="center" vertical="center" wrapText="1"/>
    </xf>
    <xf numFmtId="49" fontId="2" fillId="2" borderId="30" xfId="0" applyNumberFormat="1" applyFont="1" applyFill="1" applyBorder="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18" xfId="0" applyFont="1" applyFill="1" applyBorder="1" applyAlignment="1">
      <alignment horizontal="left" vertical="center" wrapText="1"/>
    </xf>
    <xf numFmtId="0" fontId="2" fillId="0" borderId="19" xfId="0" applyFont="1" applyFill="1" applyBorder="1" applyAlignment="1">
      <alignment horizontal="left" vertical="center" wrapText="1"/>
    </xf>
    <xf numFmtId="49" fontId="5" fillId="0" borderId="0" xfId="1" applyNumberFormat="1" applyFont="1" applyBorder="1" applyAlignment="1">
      <alignment horizontal="left" vertical="top" wrapText="1"/>
    </xf>
    <xf numFmtId="0" fontId="12" fillId="0" borderId="5" xfId="0" applyFont="1" applyBorder="1" applyAlignment="1">
      <alignment horizontal="center"/>
    </xf>
    <xf numFmtId="0" fontId="11" fillId="0" borderId="0" xfId="0" applyNumberFormat="1" applyFont="1" applyBorder="1" applyAlignment="1">
      <alignment horizontal="left" vertical="center" wrapText="1"/>
    </xf>
    <xf numFmtId="49" fontId="3" fillId="2" borderId="22" xfId="0" applyNumberFormat="1" applyFont="1" applyFill="1" applyBorder="1" applyAlignment="1">
      <alignment horizontal="left" vertical="top" wrapText="1"/>
    </xf>
    <xf numFmtId="0" fontId="15" fillId="6" borderId="9" xfId="0" applyFont="1" applyFill="1" applyBorder="1" applyAlignment="1">
      <alignment horizontal="left" vertical="center" wrapText="1"/>
    </xf>
    <xf numFmtId="0" fontId="15" fillId="6" borderId="8" xfId="0" applyFont="1" applyFill="1" applyBorder="1" applyAlignment="1">
      <alignment horizontal="left" vertical="center" wrapText="1"/>
    </xf>
    <xf numFmtId="0" fontId="7" fillId="0" borderId="31" xfId="0" applyNumberFormat="1" applyFont="1" applyBorder="1" applyAlignment="1">
      <alignment horizontal="center" vertical="center" wrapText="1"/>
    </xf>
    <xf numFmtId="0" fontId="7" fillId="0" borderId="32" xfId="0" applyNumberFormat="1" applyFont="1" applyBorder="1" applyAlignment="1">
      <alignment horizontal="center" vertical="center" wrapText="1"/>
    </xf>
    <xf numFmtId="49" fontId="2" fillId="0" borderId="12" xfId="0" applyNumberFormat="1" applyFont="1" applyBorder="1" applyAlignment="1">
      <alignment horizontal="center" vertical="center" wrapText="1"/>
    </xf>
    <xf numFmtId="49" fontId="2" fillId="0" borderId="2" xfId="0" applyNumberFormat="1" applyFont="1" applyBorder="1" applyAlignment="1">
      <alignment horizontal="center" vertical="center" wrapText="1"/>
    </xf>
    <xf numFmtId="49" fontId="2" fillId="0" borderId="41" xfId="0" applyNumberFormat="1" applyFont="1" applyBorder="1" applyAlignment="1">
      <alignment horizontal="center" vertical="center" wrapText="1"/>
    </xf>
    <xf numFmtId="49" fontId="2" fillId="0" borderId="42" xfId="0" applyNumberFormat="1" applyFont="1" applyBorder="1" applyAlignment="1">
      <alignment horizontal="center" vertical="center" wrapText="1"/>
    </xf>
    <xf numFmtId="0" fontId="3" fillId="2" borderId="43" xfId="0" applyFont="1" applyFill="1" applyBorder="1" applyAlignment="1">
      <alignment horizontal="center" vertical="top" wrapText="1"/>
    </xf>
    <xf numFmtId="0" fontId="3" fillId="2" borderId="44" xfId="0" applyFont="1" applyFill="1" applyBorder="1" applyAlignment="1">
      <alignment horizontal="center" vertical="top" wrapText="1"/>
    </xf>
  </cellXfs>
  <cellStyles count="6">
    <cellStyle name="Normálna 2" xfId="2"/>
    <cellStyle name="Normálne" xfId="0" builtinId="0"/>
    <cellStyle name="Normálne 2" xfId="3"/>
    <cellStyle name="normálne 2 2" xfId="1"/>
    <cellStyle name="normálne 2 2 2" xfId="4"/>
    <cellStyle name="Normálne 4" xfId="5"/>
  </cellStyles>
  <dxfs count="1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FFCCFF"/>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7</xdr:row>
          <xdr:rowOff>0</xdr:rowOff>
        </xdr:from>
        <xdr:to>
          <xdr:col>1</xdr:col>
          <xdr:colOff>76200</xdr:colOff>
          <xdr:row>27</xdr:row>
          <xdr:rowOff>219075</xdr:rowOff>
        </xdr:to>
        <xdr:sp macro="" textlink="">
          <xdr:nvSpPr>
            <xdr:cNvPr id="8195" name="Check Box 3" hidden="1">
              <a:extLst>
                <a:ext uri="{63B3BB69-23CF-44E3-9099-C40C66FF867C}">
                  <a14:compatExt spid="_x0000_s8195"/>
                </a:ext>
                <a:ext uri="{FF2B5EF4-FFF2-40B4-BE49-F238E27FC236}">
                  <a16:creationId xmlns=""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8</xdr:row>
          <xdr:rowOff>9525</xdr:rowOff>
        </xdr:from>
        <xdr:to>
          <xdr:col>1</xdr:col>
          <xdr:colOff>76200</xdr:colOff>
          <xdr:row>28</xdr:row>
          <xdr:rowOff>228600</xdr:rowOff>
        </xdr:to>
        <xdr:sp macro="" textlink="">
          <xdr:nvSpPr>
            <xdr:cNvPr id="8196" name="Check Box 4" hidden="1">
              <a:extLst>
                <a:ext uri="{63B3BB69-23CF-44E3-9099-C40C66FF867C}">
                  <a14:compatExt spid="_x0000_s8196"/>
                </a:ext>
                <a:ext uri="{FF2B5EF4-FFF2-40B4-BE49-F238E27FC236}">
                  <a16:creationId xmlns=""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9525</xdr:rowOff>
        </xdr:from>
        <xdr:to>
          <xdr:col>1</xdr:col>
          <xdr:colOff>76200</xdr:colOff>
          <xdr:row>33</xdr:row>
          <xdr:rowOff>228600</xdr:rowOff>
        </xdr:to>
        <xdr:sp macro="" textlink="">
          <xdr:nvSpPr>
            <xdr:cNvPr id="8197" name="Check Box 5" hidden="1">
              <a:extLst>
                <a:ext uri="{63B3BB69-23CF-44E3-9099-C40C66FF867C}">
                  <a14:compatExt spid="_x0000_s8197"/>
                </a:ext>
                <a:ext uri="{FF2B5EF4-FFF2-40B4-BE49-F238E27FC236}">
                  <a16:creationId xmlns=""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4</xdr:row>
          <xdr:rowOff>0</xdr:rowOff>
        </xdr:from>
        <xdr:to>
          <xdr:col>1</xdr:col>
          <xdr:colOff>76200</xdr:colOff>
          <xdr:row>34</xdr:row>
          <xdr:rowOff>219075</xdr:rowOff>
        </xdr:to>
        <xdr:sp macro="" textlink="">
          <xdr:nvSpPr>
            <xdr:cNvPr id="8198" name="Check Box 6" hidden="1">
              <a:extLst>
                <a:ext uri="{63B3BB69-23CF-44E3-9099-C40C66FF867C}">
                  <a14:compatExt spid="_x0000_s8198"/>
                </a:ext>
                <a:ext uri="{FF2B5EF4-FFF2-40B4-BE49-F238E27FC236}">
                  <a16:creationId xmlns=""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4.xml"/><Relationship Id="rId3" Type="http://schemas.openxmlformats.org/officeDocument/2006/relationships/drawing" Target="../drawings/drawing1.xml"/><Relationship Id="rId7" Type="http://schemas.openxmlformats.org/officeDocument/2006/relationships/ctrlProp" Target="../ctrlProps/ctrlProp3.xml"/><Relationship Id="rId2" Type="http://schemas.openxmlformats.org/officeDocument/2006/relationships/printerSettings" Target="../printerSettings/printerSettings1.bin"/><Relationship Id="rId1" Type="http://schemas.openxmlformats.org/officeDocument/2006/relationships/hyperlink" Target="http://www.vusch.sk/" TargetMode="External"/><Relationship Id="rId6" Type="http://schemas.openxmlformats.org/officeDocument/2006/relationships/ctrlProp" Target="../ctrlProps/ctrlProp2.xml"/><Relationship Id="rId5" Type="http://schemas.openxmlformats.org/officeDocument/2006/relationships/ctrlProp" Target="../ctrlProps/ctrlProp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66"/>
  <sheetViews>
    <sheetView showGridLines="0" tabSelected="1" zoomScale="91" zoomScaleNormal="91" workbookViewId="0">
      <selection activeCell="J45" sqref="J45"/>
    </sheetView>
  </sheetViews>
  <sheetFormatPr defaultRowHeight="12.75" x14ac:dyDescent="0.2"/>
  <cols>
    <col min="1" max="1" width="12.140625" style="1" customWidth="1"/>
    <col min="2" max="2" width="88.5703125" style="1" customWidth="1"/>
    <col min="3" max="3" width="16.42578125" style="8" customWidth="1"/>
    <col min="4" max="4" width="13.7109375" style="8" customWidth="1"/>
    <col min="5" max="5" width="19.7109375" style="2" customWidth="1"/>
    <col min="6" max="6" width="17.140625" style="1" customWidth="1"/>
    <col min="7" max="7" width="9.140625" style="1"/>
    <col min="8" max="8" width="9.140625" style="1" customWidth="1"/>
    <col min="9" max="16384" width="9.140625" style="1"/>
  </cols>
  <sheetData>
    <row r="1" spans="1:5" ht="24" customHeight="1" x14ac:dyDescent="0.2">
      <c r="A1" s="149" t="s">
        <v>25</v>
      </c>
      <c r="B1" s="149"/>
      <c r="C1" s="149"/>
      <c r="D1" s="149"/>
      <c r="E1" s="149"/>
    </row>
    <row r="2" spans="1:5" ht="27.75" customHeight="1" x14ac:dyDescent="0.2">
      <c r="A2" s="152" t="s">
        <v>24</v>
      </c>
      <c r="B2" s="152"/>
      <c r="C2" s="152"/>
      <c r="D2" s="152"/>
      <c r="E2" s="152"/>
    </row>
    <row r="3" spans="1:5" ht="54.75" customHeight="1" x14ac:dyDescent="0.2">
      <c r="A3" s="133" t="s">
        <v>28</v>
      </c>
      <c r="B3" s="133"/>
      <c r="C3" s="133"/>
      <c r="D3" s="133"/>
      <c r="E3" s="133"/>
    </row>
    <row r="4" spans="1:5" ht="24.95" customHeight="1" x14ac:dyDescent="0.2">
      <c r="A4" s="41" t="s">
        <v>27</v>
      </c>
      <c r="B4" s="47"/>
      <c r="C4" s="38"/>
      <c r="D4" s="38"/>
      <c r="E4" s="38"/>
    </row>
    <row r="5" spans="1:5" ht="24.95" customHeight="1" x14ac:dyDescent="0.2">
      <c r="A5" s="41" t="s">
        <v>26</v>
      </c>
      <c r="B5" s="48"/>
      <c r="C5" s="38"/>
      <c r="D5" s="38"/>
      <c r="E5" s="38"/>
    </row>
    <row r="6" spans="1:5" ht="5.0999999999999996" customHeight="1" x14ac:dyDescent="0.2">
      <c r="A6" s="38"/>
      <c r="B6" s="38"/>
      <c r="C6" s="38"/>
      <c r="D6" s="38"/>
      <c r="E6" s="38"/>
    </row>
    <row r="7" spans="1:5" s="2" customFormat="1" ht="20.100000000000001" customHeight="1" x14ac:dyDescent="0.25">
      <c r="A7" s="127" t="s">
        <v>5</v>
      </c>
      <c r="B7" s="127"/>
      <c r="C7" s="127"/>
      <c r="D7" s="127"/>
      <c r="E7" s="127"/>
    </row>
    <row r="8" spans="1:5" s="2" customFormat="1" ht="20.100000000000001" customHeight="1" x14ac:dyDescent="0.25">
      <c r="A8" s="134" t="s">
        <v>7</v>
      </c>
      <c r="B8" s="134"/>
      <c r="C8" s="134"/>
      <c r="D8" s="134"/>
      <c r="E8" s="134"/>
    </row>
    <row r="9" spans="1:5" ht="24.95" customHeight="1" x14ac:dyDescent="0.2">
      <c r="A9" s="135" t="s">
        <v>81</v>
      </c>
      <c r="B9" s="136"/>
      <c r="C9" s="136"/>
      <c r="D9" s="136"/>
      <c r="E9" s="136"/>
    </row>
    <row r="10" spans="1:5" ht="4.5" customHeight="1" x14ac:dyDescent="0.2">
      <c r="A10" s="40"/>
      <c r="B10" s="40"/>
      <c r="C10" s="40"/>
      <c r="D10" s="40"/>
      <c r="E10" s="40"/>
    </row>
    <row r="11" spans="1:5" s="2" customFormat="1" ht="20.100000000000001" customHeight="1" x14ac:dyDescent="0.25">
      <c r="A11" s="137" t="s">
        <v>8</v>
      </c>
      <c r="B11" s="137"/>
      <c r="C11" s="137"/>
      <c r="D11" s="137"/>
      <c r="E11" s="137"/>
    </row>
    <row r="12" spans="1:5" s="2" customFormat="1" ht="16.5" customHeight="1" x14ac:dyDescent="0.2">
      <c r="A12" s="138" t="s">
        <v>80</v>
      </c>
      <c r="B12" s="138"/>
      <c r="C12" s="138"/>
      <c r="D12" s="51"/>
      <c r="E12" s="51"/>
    </row>
    <row r="13" spans="1:5" s="2" customFormat="1" ht="14.25" customHeight="1" x14ac:dyDescent="0.2">
      <c r="A13" s="91" t="s">
        <v>59</v>
      </c>
      <c r="B13" s="83"/>
      <c r="C13" s="83"/>
      <c r="D13" s="51"/>
      <c r="E13" s="51"/>
    </row>
    <row r="14" spans="1:5" s="2" customFormat="1" ht="4.5" customHeight="1" x14ac:dyDescent="0.2">
      <c r="A14" s="91"/>
      <c r="B14" s="83"/>
      <c r="C14" s="83"/>
      <c r="D14" s="51"/>
      <c r="E14" s="51"/>
    </row>
    <row r="15" spans="1:5" s="2" customFormat="1" ht="14.25" customHeight="1" x14ac:dyDescent="0.2">
      <c r="A15" s="91" t="s">
        <v>60</v>
      </c>
      <c r="B15" s="83"/>
      <c r="C15" s="83"/>
      <c r="D15" s="51"/>
      <c r="E15" s="51"/>
    </row>
    <row r="16" spans="1:5" s="2" customFormat="1" ht="6.75" customHeight="1" x14ac:dyDescent="0.2">
      <c r="A16" s="91"/>
      <c r="B16" s="83"/>
      <c r="C16" s="83"/>
      <c r="D16" s="51"/>
      <c r="E16" s="51"/>
    </row>
    <row r="17" spans="1:5" s="3" customFormat="1" ht="20.100000000000001" customHeight="1" x14ac:dyDescent="0.25">
      <c r="A17" s="138" t="s">
        <v>21</v>
      </c>
      <c r="B17" s="138"/>
      <c r="C17" s="138"/>
      <c r="D17" s="20"/>
      <c r="E17" s="21"/>
    </row>
    <row r="18" spans="1:5" ht="4.5" customHeight="1" x14ac:dyDescent="0.2">
      <c r="A18" s="40"/>
      <c r="B18" s="40"/>
      <c r="C18" s="40"/>
      <c r="D18" s="40"/>
      <c r="E18" s="40"/>
    </row>
    <row r="19" spans="1:5" ht="20.100000000000001" customHeight="1" x14ac:dyDescent="0.2">
      <c r="A19" s="39" t="s">
        <v>9</v>
      </c>
      <c r="B19" s="22"/>
      <c r="C19" s="22"/>
      <c r="D19" s="23"/>
      <c r="E19" s="23"/>
    </row>
    <row r="20" spans="1:5" s="3" customFormat="1" ht="20.25" customHeight="1" x14ac:dyDescent="0.25">
      <c r="A20" s="147" t="s">
        <v>29</v>
      </c>
      <c r="B20" s="147"/>
      <c r="C20" s="147"/>
      <c r="D20" s="20"/>
      <c r="E20" s="21"/>
    </row>
    <row r="21" spans="1:5" ht="0.75" customHeight="1" x14ac:dyDescent="0.2">
      <c r="A21" s="148"/>
      <c r="B21" s="148"/>
      <c r="C21" s="148"/>
      <c r="E21" s="15"/>
    </row>
    <row r="22" spans="1:5" s="2" customFormat="1" ht="20.100000000000001" customHeight="1" x14ac:dyDescent="0.25">
      <c r="A22" s="127" t="s">
        <v>18</v>
      </c>
      <c r="B22" s="127"/>
      <c r="C22" s="127"/>
      <c r="D22" s="127"/>
      <c r="E22" s="127"/>
    </row>
    <row r="23" spans="1:5" ht="27.75" customHeight="1" x14ac:dyDescent="0.2">
      <c r="A23" s="138"/>
      <c r="B23" s="138"/>
      <c r="C23" s="138"/>
      <c r="D23" s="138"/>
      <c r="E23" s="138"/>
    </row>
    <row r="24" spans="1:5" ht="24.75" hidden="1" customHeight="1" x14ac:dyDescent="0.2">
      <c r="A24" s="148"/>
      <c r="B24" s="148"/>
      <c r="C24" s="148"/>
      <c r="E24" s="15"/>
    </row>
    <row r="25" spans="1:5" s="2" customFormat="1" ht="20.100000000000001" customHeight="1" x14ac:dyDescent="0.25">
      <c r="A25" s="127" t="s">
        <v>19</v>
      </c>
      <c r="B25" s="127"/>
      <c r="C25" s="127"/>
      <c r="D25" s="127"/>
      <c r="E25" s="127"/>
    </row>
    <row r="26" spans="1:5" s="9" customFormat="1" ht="20.100000000000001" customHeight="1" x14ac:dyDescent="0.25">
      <c r="A26" s="142" t="s">
        <v>6</v>
      </c>
      <c r="B26" s="142"/>
      <c r="C26" s="142"/>
      <c r="D26" s="142"/>
      <c r="E26" s="142"/>
    </row>
    <row r="27" spans="1:5" s="9" customFormat="1" ht="20.100000000000001" customHeight="1" x14ac:dyDescent="0.25">
      <c r="A27" s="150" t="s">
        <v>13</v>
      </c>
      <c r="B27" s="151"/>
      <c r="C27" s="14"/>
      <c r="D27" s="14"/>
      <c r="E27" s="14"/>
    </row>
    <row r="28" spans="1:5" s="9" customFormat="1" ht="20.100000000000001" customHeight="1" x14ac:dyDescent="0.25">
      <c r="A28" s="13"/>
      <c r="B28" s="13" t="s">
        <v>16</v>
      </c>
      <c r="C28" s="14"/>
      <c r="D28" s="14"/>
      <c r="E28" s="14"/>
    </row>
    <row r="29" spans="1:5" s="9" customFormat="1" ht="20.100000000000001" customHeight="1" x14ac:dyDescent="0.25">
      <c r="A29" s="13"/>
      <c r="B29" s="13" t="s">
        <v>17</v>
      </c>
      <c r="C29" s="14"/>
      <c r="D29" s="14"/>
      <c r="E29" s="14"/>
    </row>
    <row r="30" spans="1:5" s="9" customFormat="1" ht="20.100000000000001" customHeight="1" x14ac:dyDescent="0.25">
      <c r="A30" s="150" t="s">
        <v>14</v>
      </c>
      <c r="B30" s="151"/>
      <c r="C30" s="14"/>
      <c r="D30" s="14"/>
      <c r="E30" s="14"/>
    </row>
    <row r="31" spans="1:5" s="9" customFormat="1" ht="31.5" customHeight="1" x14ac:dyDescent="0.25">
      <c r="A31" s="18" t="s">
        <v>15</v>
      </c>
      <c r="B31" s="143" t="s">
        <v>11</v>
      </c>
      <c r="C31" s="144"/>
      <c r="D31" s="19" t="s">
        <v>10</v>
      </c>
      <c r="E31" s="19" t="s">
        <v>12</v>
      </c>
    </row>
    <row r="32" spans="1:5" s="9" customFormat="1" ht="24.95" customHeight="1" x14ac:dyDescent="0.25">
      <c r="A32" s="16" t="s">
        <v>2</v>
      </c>
      <c r="B32" s="145" t="s">
        <v>30</v>
      </c>
      <c r="C32" s="146"/>
      <c r="D32" s="17" t="s">
        <v>1</v>
      </c>
      <c r="E32" s="44">
        <v>1</v>
      </c>
    </row>
    <row r="33" spans="1:6" s="9" customFormat="1" ht="24" customHeight="1" x14ac:dyDescent="0.25">
      <c r="A33" s="56"/>
      <c r="B33" s="57"/>
      <c r="C33" s="57"/>
      <c r="D33" s="58"/>
      <c r="E33" s="59"/>
    </row>
    <row r="34" spans="1:6" s="9" customFormat="1" ht="19.5" customHeight="1" x14ac:dyDescent="0.2">
      <c r="A34" s="10"/>
      <c r="B34" s="9" t="s">
        <v>3</v>
      </c>
      <c r="C34" s="14"/>
      <c r="D34" s="14"/>
      <c r="E34" s="14"/>
    </row>
    <row r="35" spans="1:6" s="9" customFormat="1" ht="20.100000000000001" customHeight="1" x14ac:dyDescent="0.25">
      <c r="A35" s="13"/>
      <c r="B35" s="2" t="s">
        <v>4</v>
      </c>
      <c r="C35" s="14"/>
      <c r="D35" s="14"/>
      <c r="E35" s="14"/>
    </row>
    <row r="36" spans="1:6" ht="5.0999999999999996" customHeight="1" x14ac:dyDescent="0.2"/>
    <row r="37" spans="1:6" s="2" customFormat="1" ht="20.100000000000001" customHeight="1" x14ac:dyDescent="0.25">
      <c r="A37" s="127" t="s">
        <v>20</v>
      </c>
      <c r="B37" s="127"/>
      <c r="C37" s="127"/>
      <c r="D37" s="127"/>
      <c r="E37" s="127"/>
    </row>
    <row r="38" spans="1:6" s="2" customFormat="1" ht="5.0999999999999996" customHeight="1" thickBot="1" x14ac:dyDescent="0.3">
      <c r="A38" s="15"/>
      <c r="C38" s="6"/>
      <c r="D38" s="6"/>
      <c r="E38" s="6"/>
    </row>
    <row r="39" spans="1:6" s="3" customFormat="1" ht="93" customHeight="1" x14ac:dyDescent="0.25">
      <c r="A39" s="139" t="s">
        <v>0</v>
      </c>
      <c r="B39" s="139"/>
      <c r="C39" s="195" t="s">
        <v>208</v>
      </c>
      <c r="D39" s="195"/>
      <c r="E39" s="196"/>
      <c r="F39" s="24"/>
    </row>
    <row r="40" spans="1:6" s="3" customFormat="1" ht="30" customHeight="1" thickBot="1" x14ac:dyDescent="0.3">
      <c r="A40" s="139"/>
      <c r="B40" s="139"/>
      <c r="C40" s="25" t="s">
        <v>22</v>
      </c>
      <c r="D40" s="140" t="s">
        <v>23</v>
      </c>
      <c r="E40" s="141"/>
    </row>
    <row r="41" spans="1:6" s="26" customFormat="1" ht="24.95" customHeight="1" x14ac:dyDescent="0.25">
      <c r="A41" s="157" t="s">
        <v>31</v>
      </c>
      <c r="B41" s="158"/>
      <c r="C41" s="189"/>
      <c r="D41" s="191"/>
      <c r="E41" s="192"/>
    </row>
    <row r="42" spans="1:6" s="4" customFormat="1" ht="24.95" customHeight="1" x14ac:dyDescent="0.25">
      <c r="A42" s="159"/>
      <c r="B42" s="160"/>
      <c r="C42" s="190"/>
      <c r="D42" s="193"/>
      <c r="E42" s="194"/>
    </row>
    <row r="43" spans="1:6" s="4" customFormat="1" ht="56.25" customHeight="1" x14ac:dyDescent="0.25">
      <c r="A43" s="84" t="s">
        <v>33</v>
      </c>
      <c r="B43" s="92" t="s">
        <v>61</v>
      </c>
      <c r="C43" s="46"/>
      <c r="D43" s="125"/>
      <c r="E43" s="126"/>
    </row>
    <row r="44" spans="1:6" s="4" customFormat="1" ht="33.75" customHeight="1" x14ac:dyDescent="0.25">
      <c r="A44" s="65">
        <v>44562</v>
      </c>
      <c r="B44" s="87" t="s">
        <v>32</v>
      </c>
      <c r="C44" s="46"/>
      <c r="D44" s="125"/>
      <c r="E44" s="126"/>
    </row>
    <row r="45" spans="1:6" s="4" customFormat="1" ht="32.25" customHeight="1" x14ac:dyDescent="0.25">
      <c r="A45" s="93" t="s">
        <v>62</v>
      </c>
      <c r="B45" s="87" t="s">
        <v>34</v>
      </c>
      <c r="C45" s="85"/>
      <c r="D45" s="163"/>
      <c r="E45" s="164"/>
    </row>
    <row r="46" spans="1:6" s="4" customFormat="1" ht="45.75" customHeight="1" x14ac:dyDescent="0.25">
      <c r="A46" s="65">
        <v>44621</v>
      </c>
      <c r="B46" s="55" t="s">
        <v>35</v>
      </c>
      <c r="C46" s="67"/>
      <c r="D46" s="166"/>
      <c r="E46" s="124"/>
    </row>
    <row r="47" spans="1:6" s="4" customFormat="1" ht="24.95" customHeight="1" x14ac:dyDescent="0.25">
      <c r="A47" s="65">
        <v>44652</v>
      </c>
      <c r="B47" s="55" t="s">
        <v>36</v>
      </c>
      <c r="C47" s="46"/>
      <c r="D47" s="123"/>
      <c r="E47" s="124"/>
    </row>
    <row r="48" spans="1:6" s="4" customFormat="1" ht="26.25" customHeight="1" x14ac:dyDescent="0.25">
      <c r="A48" s="65">
        <v>44682</v>
      </c>
      <c r="B48" s="55" t="s">
        <v>37</v>
      </c>
      <c r="C48" s="46"/>
      <c r="D48" s="123"/>
      <c r="E48" s="124"/>
    </row>
    <row r="49" spans="1:5" s="4" customFormat="1" ht="30.75" customHeight="1" x14ac:dyDescent="0.25">
      <c r="A49" s="65">
        <v>44713</v>
      </c>
      <c r="B49" s="55" t="s">
        <v>38</v>
      </c>
      <c r="C49" s="46"/>
      <c r="D49" s="123"/>
      <c r="E49" s="124"/>
    </row>
    <row r="50" spans="1:5" s="4" customFormat="1" ht="61.5" customHeight="1" x14ac:dyDescent="0.25">
      <c r="A50" s="65">
        <v>44743</v>
      </c>
      <c r="B50" s="55" t="s">
        <v>39</v>
      </c>
      <c r="C50" s="46"/>
      <c r="D50" s="123"/>
      <c r="E50" s="124"/>
    </row>
    <row r="51" spans="1:5" s="4" customFormat="1" ht="21" customHeight="1" x14ac:dyDescent="0.25">
      <c r="A51" s="77">
        <v>44774</v>
      </c>
      <c r="B51" s="86" t="s">
        <v>40</v>
      </c>
      <c r="C51" s="68"/>
      <c r="D51" s="163"/>
      <c r="E51" s="164"/>
    </row>
    <row r="52" spans="1:5" s="4" customFormat="1" ht="36.75" customHeight="1" x14ac:dyDescent="0.25">
      <c r="A52" s="77">
        <v>44805</v>
      </c>
      <c r="B52" s="55" t="s">
        <v>41</v>
      </c>
      <c r="C52" s="69"/>
      <c r="D52" s="73"/>
      <c r="E52" s="74"/>
    </row>
    <row r="53" spans="1:5" s="4" customFormat="1" ht="28.5" customHeight="1" x14ac:dyDescent="0.25">
      <c r="A53" s="77">
        <v>44835</v>
      </c>
      <c r="B53" s="88" t="s">
        <v>42</v>
      </c>
      <c r="C53" s="66"/>
      <c r="D53" s="128"/>
      <c r="E53" s="129"/>
    </row>
    <row r="54" spans="1:5" s="4" customFormat="1" ht="33" customHeight="1" x14ac:dyDescent="0.25">
      <c r="A54" s="64">
        <v>44866</v>
      </c>
      <c r="B54" s="62" t="s">
        <v>43</v>
      </c>
      <c r="C54" s="46"/>
      <c r="D54" s="75"/>
      <c r="E54" s="76"/>
    </row>
    <row r="55" spans="1:5" s="4" customFormat="1" ht="27" customHeight="1" x14ac:dyDescent="0.25">
      <c r="A55" s="64">
        <v>44896</v>
      </c>
      <c r="B55" s="62" t="s">
        <v>44</v>
      </c>
      <c r="C55" s="46"/>
      <c r="D55" s="75"/>
      <c r="E55" s="76"/>
    </row>
    <row r="56" spans="1:5" s="4" customFormat="1" ht="24.95" customHeight="1" x14ac:dyDescent="0.25">
      <c r="A56" s="94" t="s">
        <v>63</v>
      </c>
      <c r="B56" s="62" t="s">
        <v>45</v>
      </c>
      <c r="C56" s="46"/>
      <c r="D56" s="75"/>
      <c r="E56" s="76"/>
    </row>
    <row r="57" spans="1:5" s="4" customFormat="1" ht="24.95" customHeight="1" x14ac:dyDescent="0.25">
      <c r="A57" s="94" t="s">
        <v>64</v>
      </c>
      <c r="B57" s="62" t="s">
        <v>46</v>
      </c>
      <c r="C57" s="46"/>
      <c r="D57" s="75"/>
      <c r="E57" s="76"/>
    </row>
    <row r="58" spans="1:5" s="4" customFormat="1" ht="33" customHeight="1" x14ac:dyDescent="0.25">
      <c r="A58" s="94" t="s">
        <v>65</v>
      </c>
      <c r="B58" s="62" t="s">
        <v>47</v>
      </c>
      <c r="C58" s="46"/>
      <c r="D58" s="75"/>
      <c r="E58" s="76"/>
    </row>
    <row r="59" spans="1:5" s="4" customFormat="1" ht="30" customHeight="1" x14ac:dyDescent="0.25">
      <c r="A59" s="95" t="s">
        <v>66</v>
      </c>
      <c r="B59" s="63" t="s">
        <v>48</v>
      </c>
      <c r="C59" s="46"/>
      <c r="D59" s="161"/>
      <c r="E59" s="162"/>
    </row>
    <row r="60" spans="1:5" s="4" customFormat="1" ht="24.95" customHeight="1" x14ac:dyDescent="0.25">
      <c r="A60" s="97" t="s">
        <v>67</v>
      </c>
      <c r="B60" s="86" t="s">
        <v>49</v>
      </c>
      <c r="C60" s="66"/>
      <c r="D60" s="165"/>
      <c r="E60" s="164"/>
    </row>
    <row r="61" spans="1:5" s="4" customFormat="1" ht="28.5" customHeight="1" x14ac:dyDescent="0.25">
      <c r="A61" s="96" t="s">
        <v>68</v>
      </c>
      <c r="B61" s="89" t="s">
        <v>50</v>
      </c>
      <c r="C61" s="46"/>
      <c r="D61" s="161"/>
      <c r="E61" s="162"/>
    </row>
    <row r="62" spans="1:5" s="4" customFormat="1" ht="33.75" customHeight="1" x14ac:dyDescent="0.25">
      <c r="A62" s="96" t="s">
        <v>69</v>
      </c>
      <c r="B62" s="89" t="s">
        <v>51</v>
      </c>
      <c r="C62" s="46"/>
      <c r="D62" s="123"/>
      <c r="E62" s="124"/>
    </row>
    <row r="63" spans="1:5" s="4" customFormat="1" ht="31.5" customHeight="1" x14ac:dyDescent="0.25">
      <c r="A63" s="96" t="s">
        <v>70</v>
      </c>
      <c r="B63" s="90" t="s">
        <v>52</v>
      </c>
      <c r="C63" s="46"/>
      <c r="D63" s="125"/>
      <c r="E63" s="126"/>
    </row>
    <row r="64" spans="1:5" s="4" customFormat="1" ht="24.95" customHeight="1" x14ac:dyDescent="0.25">
      <c r="A64" s="97" t="s">
        <v>71</v>
      </c>
      <c r="B64" s="86" t="s">
        <v>79</v>
      </c>
      <c r="C64" s="66"/>
      <c r="D64" s="128"/>
      <c r="E64" s="129"/>
    </row>
    <row r="65" spans="1:5" s="4" customFormat="1" ht="24.95" customHeight="1" x14ac:dyDescent="0.25">
      <c r="A65" s="96" t="s">
        <v>72</v>
      </c>
      <c r="B65" s="54" t="s">
        <v>53</v>
      </c>
      <c r="C65" s="46"/>
      <c r="D65" s="125"/>
      <c r="E65" s="126"/>
    </row>
    <row r="66" spans="1:5" s="4" customFormat="1" ht="24.95" customHeight="1" x14ac:dyDescent="0.25">
      <c r="A66" s="96" t="s">
        <v>73</v>
      </c>
      <c r="B66" s="54" t="s">
        <v>54</v>
      </c>
      <c r="C66" s="46"/>
      <c r="D66" s="125"/>
      <c r="E66" s="126"/>
    </row>
    <row r="67" spans="1:5" s="4" customFormat="1" ht="24.95" customHeight="1" x14ac:dyDescent="0.25">
      <c r="A67" s="96" t="s">
        <v>74</v>
      </c>
      <c r="B67" s="54" t="s">
        <v>55</v>
      </c>
      <c r="C67" s="46"/>
      <c r="D67" s="125"/>
      <c r="E67" s="126"/>
    </row>
    <row r="68" spans="1:5" s="4" customFormat="1" ht="31.5" customHeight="1" x14ac:dyDescent="0.25">
      <c r="A68" s="97" t="s">
        <v>75</v>
      </c>
      <c r="B68" s="72" t="s">
        <v>56</v>
      </c>
      <c r="C68" s="66"/>
      <c r="D68" s="128"/>
      <c r="E68" s="129"/>
    </row>
    <row r="69" spans="1:5" s="4" customFormat="1" ht="25.5" customHeight="1" x14ac:dyDescent="0.25">
      <c r="A69" s="97" t="s">
        <v>76</v>
      </c>
      <c r="B69" s="72" t="s">
        <v>57</v>
      </c>
      <c r="C69" s="66"/>
      <c r="D69" s="130"/>
      <c r="E69" s="131"/>
    </row>
    <row r="70" spans="1:5" s="4" customFormat="1" ht="45" customHeight="1" x14ac:dyDescent="0.25">
      <c r="A70" s="98" t="s">
        <v>77</v>
      </c>
      <c r="B70" s="78" t="s">
        <v>58</v>
      </c>
      <c r="C70" s="66"/>
      <c r="D70" s="79"/>
      <c r="E70" s="74"/>
    </row>
    <row r="71" spans="1:5" s="4" customFormat="1" ht="30.75" customHeight="1" x14ac:dyDescent="0.25">
      <c r="A71" s="98" t="s">
        <v>78</v>
      </c>
      <c r="B71" s="78" t="s">
        <v>82</v>
      </c>
      <c r="C71" s="66"/>
      <c r="D71" s="79"/>
      <c r="E71" s="74"/>
    </row>
    <row r="72" spans="1:5" s="3" customFormat="1" ht="5.0999999999999996" customHeight="1" x14ac:dyDescent="0.25">
      <c r="A72" s="5"/>
      <c r="B72" s="5"/>
      <c r="C72" s="7"/>
      <c r="D72" s="7"/>
      <c r="E72" s="27"/>
    </row>
    <row r="73" spans="1:5" s="2" customFormat="1" ht="20.100000000000001" customHeight="1" x14ac:dyDescent="0.25">
      <c r="A73" s="127" t="s">
        <v>83</v>
      </c>
      <c r="B73" s="127"/>
      <c r="C73" s="127"/>
      <c r="D73" s="127"/>
      <c r="E73" s="127"/>
    </row>
    <row r="74" spans="1:5" s="2" customFormat="1" ht="5.0999999999999996" customHeight="1" thickBot="1" x14ac:dyDescent="0.3">
      <c r="A74" s="15"/>
      <c r="C74" s="6"/>
      <c r="D74" s="6"/>
      <c r="E74" s="6"/>
    </row>
    <row r="75" spans="1:5" s="3" customFormat="1" ht="69" customHeight="1" x14ac:dyDescent="0.25">
      <c r="A75" s="170" t="s">
        <v>84</v>
      </c>
      <c r="B75" s="171"/>
      <c r="C75" s="153" t="s">
        <v>85</v>
      </c>
      <c r="D75" s="153"/>
      <c r="E75" s="154"/>
    </row>
    <row r="76" spans="1:5" s="3" customFormat="1" ht="30" customHeight="1" x14ac:dyDescent="0.25">
      <c r="A76" s="172"/>
      <c r="B76" s="186"/>
      <c r="C76" s="71" t="s">
        <v>86</v>
      </c>
      <c r="D76" s="155" t="s">
        <v>87</v>
      </c>
      <c r="E76" s="156"/>
    </row>
    <row r="77" spans="1:5" s="2" customFormat="1" ht="24" customHeight="1" x14ac:dyDescent="0.25">
      <c r="A77" s="99" t="s">
        <v>33</v>
      </c>
      <c r="B77" s="114" t="s">
        <v>88</v>
      </c>
      <c r="C77" s="42"/>
      <c r="D77" s="119"/>
      <c r="E77" s="120"/>
    </row>
    <row r="78" spans="1:5" s="2" customFormat="1" ht="24" customHeight="1" x14ac:dyDescent="0.25">
      <c r="A78" s="100" t="s">
        <v>118</v>
      </c>
      <c r="B78" s="114" t="s">
        <v>116</v>
      </c>
      <c r="C78" s="42"/>
      <c r="D78" s="121"/>
      <c r="E78" s="122"/>
    </row>
    <row r="79" spans="1:5" s="2" customFormat="1" ht="41.25" customHeight="1" x14ac:dyDescent="0.25">
      <c r="A79" s="101" t="s">
        <v>119</v>
      </c>
      <c r="B79" s="114" t="s">
        <v>117</v>
      </c>
      <c r="C79" s="80"/>
      <c r="D79" s="121"/>
      <c r="E79" s="122"/>
    </row>
    <row r="80" spans="1:5" s="2" customFormat="1" ht="24" customHeight="1" x14ac:dyDescent="0.25">
      <c r="A80" s="101" t="s">
        <v>120</v>
      </c>
      <c r="B80" s="114" t="s">
        <v>125</v>
      </c>
      <c r="C80" s="42"/>
      <c r="D80" s="121"/>
      <c r="E80" s="122"/>
    </row>
    <row r="81" spans="1:5" s="2" customFormat="1" ht="23.25" customHeight="1" x14ac:dyDescent="0.25">
      <c r="A81" s="101" t="s">
        <v>121</v>
      </c>
      <c r="B81" s="114" t="s">
        <v>126</v>
      </c>
      <c r="C81" s="42"/>
      <c r="D81" s="121"/>
      <c r="E81" s="122"/>
    </row>
    <row r="82" spans="1:5" s="2" customFormat="1" ht="46.5" customHeight="1" x14ac:dyDescent="0.25">
      <c r="A82" s="101" t="s">
        <v>122</v>
      </c>
      <c r="B82" s="114" t="s">
        <v>127</v>
      </c>
      <c r="C82" s="42"/>
      <c r="D82" s="121"/>
      <c r="E82" s="122"/>
    </row>
    <row r="83" spans="1:5" s="2" customFormat="1" ht="34.5" customHeight="1" x14ac:dyDescent="0.25">
      <c r="A83" s="101" t="s">
        <v>123</v>
      </c>
      <c r="B83" s="114" t="s">
        <v>128</v>
      </c>
      <c r="C83" s="80"/>
      <c r="D83" s="121"/>
      <c r="E83" s="122"/>
    </row>
    <row r="84" spans="1:5" s="2" customFormat="1" ht="99.75" customHeight="1" x14ac:dyDescent="0.25">
      <c r="A84" s="102" t="s">
        <v>124</v>
      </c>
      <c r="B84" s="114" t="s">
        <v>129</v>
      </c>
      <c r="C84" s="42"/>
      <c r="D84" s="121"/>
      <c r="E84" s="122"/>
    </row>
    <row r="85" spans="1:5" s="2" customFormat="1" ht="33.75" customHeight="1" x14ac:dyDescent="0.25">
      <c r="A85" s="103" t="s">
        <v>130</v>
      </c>
      <c r="B85" s="114" t="s">
        <v>134</v>
      </c>
      <c r="C85" s="42"/>
      <c r="D85" s="119"/>
      <c r="E85" s="120"/>
    </row>
    <row r="86" spans="1:5" s="2" customFormat="1" ht="78.75" customHeight="1" x14ac:dyDescent="0.25">
      <c r="A86" s="60" t="s">
        <v>131</v>
      </c>
      <c r="B86" s="114" t="s">
        <v>135</v>
      </c>
      <c r="C86" s="42"/>
      <c r="D86" s="119"/>
      <c r="E86" s="120"/>
    </row>
    <row r="87" spans="1:5" s="2" customFormat="1" ht="62.25" customHeight="1" x14ac:dyDescent="0.25">
      <c r="A87" s="103" t="s">
        <v>132</v>
      </c>
      <c r="B87" s="114" t="s">
        <v>136</v>
      </c>
      <c r="C87" s="42"/>
      <c r="D87" s="119"/>
      <c r="E87" s="120"/>
    </row>
    <row r="88" spans="1:5" s="2" customFormat="1" ht="62.25" customHeight="1" x14ac:dyDescent="0.25">
      <c r="A88" s="103" t="s">
        <v>133</v>
      </c>
      <c r="B88" s="114" t="s">
        <v>137</v>
      </c>
      <c r="C88" s="42"/>
      <c r="D88" s="119"/>
      <c r="E88" s="120"/>
    </row>
    <row r="89" spans="1:5" s="2" customFormat="1" ht="37.5" customHeight="1" x14ac:dyDescent="0.25">
      <c r="A89" s="103" t="s">
        <v>138</v>
      </c>
      <c r="B89" s="114" t="s">
        <v>146</v>
      </c>
      <c r="C89" s="42"/>
      <c r="D89" s="119"/>
      <c r="E89" s="120"/>
    </row>
    <row r="90" spans="1:5" s="2" customFormat="1" ht="52.5" customHeight="1" x14ac:dyDescent="0.25">
      <c r="A90" s="104" t="s">
        <v>139</v>
      </c>
      <c r="B90" s="114" t="s">
        <v>147</v>
      </c>
      <c r="C90" s="42"/>
      <c r="D90" s="119"/>
      <c r="E90" s="120"/>
    </row>
    <row r="91" spans="1:5" s="2" customFormat="1" ht="71.25" customHeight="1" x14ac:dyDescent="0.25">
      <c r="A91" s="104" t="s">
        <v>140</v>
      </c>
      <c r="B91" s="114" t="s">
        <v>148</v>
      </c>
      <c r="C91" s="42"/>
      <c r="D91" s="119"/>
      <c r="E91" s="120"/>
    </row>
    <row r="92" spans="1:5" s="2" customFormat="1" ht="107.25" customHeight="1" x14ac:dyDescent="0.25">
      <c r="A92" s="105" t="s">
        <v>141</v>
      </c>
      <c r="B92" s="114" t="s">
        <v>204</v>
      </c>
      <c r="C92" s="42"/>
      <c r="D92" s="119"/>
      <c r="E92" s="120"/>
    </row>
    <row r="93" spans="1:5" s="2" customFormat="1" ht="73.5" customHeight="1" x14ac:dyDescent="0.25">
      <c r="A93" s="106" t="s">
        <v>142</v>
      </c>
      <c r="B93" s="114" t="s">
        <v>149</v>
      </c>
      <c r="C93" s="42"/>
      <c r="D93" s="119"/>
      <c r="E93" s="120"/>
    </row>
    <row r="94" spans="1:5" s="2" customFormat="1" ht="128.25" customHeight="1" x14ac:dyDescent="0.25">
      <c r="A94" s="107" t="s">
        <v>143</v>
      </c>
      <c r="B94" s="114" t="s">
        <v>150</v>
      </c>
      <c r="C94" s="42"/>
      <c r="D94" s="119"/>
      <c r="E94" s="120"/>
    </row>
    <row r="95" spans="1:5" s="2" customFormat="1" ht="46.5" customHeight="1" x14ac:dyDescent="0.25">
      <c r="A95" s="108" t="s">
        <v>144</v>
      </c>
      <c r="B95" s="114" t="s">
        <v>151</v>
      </c>
      <c r="C95" s="42"/>
      <c r="D95" s="119"/>
      <c r="E95" s="120"/>
    </row>
    <row r="96" spans="1:5" s="2" customFormat="1" ht="63.75" customHeight="1" x14ac:dyDescent="0.25">
      <c r="A96" s="109" t="s">
        <v>145</v>
      </c>
      <c r="B96" s="114" t="s">
        <v>152</v>
      </c>
      <c r="C96" s="42"/>
      <c r="D96" s="119"/>
      <c r="E96" s="120"/>
    </row>
    <row r="97" spans="1:5" s="2" customFormat="1" ht="70.5" customHeight="1" x14ac:dyDescent="0.25">
      <c r="A97" s="110" t="s">
        <v>164</v>
      </c>
      <c r="B97" s="114" t="s">
        <v>153</v>
      </c>
      <c r="C97" s="42"/>
      <c r="D97" s="119"/>
      <c r="E97" s="120"/>
    </row>
    <row r="98" spans="1:5" s="2" customFormat="1" ht="69.75" customHeight="1" x14ac:dyDescent="0.25">
      <c r="A98" s="111" t="s">
        <v>165</v>
      </c>
      <c r="B98" s="114" t="s">
        <v>154</v>
      </c>
      <c r="C98" s="42"/>
      <c r="D98" s="119"/>
      <c r="E98" s="120"/>
    </row>
    <row r="99" spans="1:5" s="2" customFormat="1" ht="32.25" customHeight="1" x14ac:dyDescent="0.25">
      <c r="A99" s="108" t="s">
        <v>166</v>
      </c>
      <c r="B99" s="114" t="s">
        <v>155</v>
      </c>
      <c r="C99" s="42"/>
      <c r="D99" s="119"/>
      <c r="E99" s="120"/>
    </row>
    <row r="100" spans="1:5" s="2" customFormat="1" ht="37.5" customHeight="1" x14ac:dyDescent="0.25">
      <c r="A100" s="108" t="s">
        <v>167</v>
      </c>
      <c r="B100" s="114" t="s">
        <v>156</v>
      </c>
      <c r="C100" s="42"/>
      <c r="D100" s="119"/>
      <c r="E100" s="120"/>
    </row>
    <row r="101" spans="1:5" s="2" customFormat="1" ht="51" customHeight="1" x14ac:dyDescent="0.25">
      <c r="A101" s="108" t="s">
        <v>168</v>
      </c>
      <c r="B101" s="114" t="s">
        <v>157</v>
      </c>
      <c r="C101" s="42"/>
      <c r="D101" s="119"/>
      <c r="E101" s="120"/>
    </row>
    <row r="102" spans="1:5" s="2" customFormat="1" ht="36" customHeight="1" x14ac:dyDescent="0.25">
      <c r="A102" s="108" t="s">
        <v>169</v>
      </c>
      <c r="B102" s="114" t="s">
        <v>158</v>
      </c>
      <c r="C102" s="42"/>
      <c r="D102" s="119"/>
      <c r="E102" s="120"/>
    </row>
    <row r="103" spans="1:5" s="2" customFormat="1" ht="27.75" customHeight="1" x14ac:dyDescent="0.25">
      <c r="A103" s="108" t="s">
        <v>170</v>
      </c>
      <c r="B103" s="114" t="s">
        <v>159</v>
      </c>
      <c r="C103" s="42"/>
      <c r="D103" s="119"/>
      <c r="E103" s="120"/>
    </row>
    <row r="104" spans="1:5" s="2" customFormat="1" ht="56.25" customHeight="1" x14ac:dyDescent="0.25">
      <c r="A104" s="108" t="s">
        <v>171</v>
      </c>
      <c r="B104" s="114" t="s">
        <v>160</v>
      </c>
      <c r="C104" s="42"/>
      <c r="D104" s="119"/>
      <c r="E104" s="120"/>
    </row>
    <row r="105" spans="1:5" s="2" customFormat="1" ht="24" customHeight="1" x14ac:dyDescent="0.25">
      <c r="A105" s="108" t="s">
        <v>172</v>
      </c>
      <c r="B105" s="114" t="s">
        <v>161</v>
      </c>
      <c r="C105" s="42"/>
      <c r="D105" s="119"/>
      <c r="E105" s="120"/>
    </row>
    <row r="106" spans="1:5" s="2" customFormat="1" ht="35.25" customHeight="1" x14ac:dyDescent="0.25">
      <c r="A106" s="108" t="s">
        <v>173</v>
      </c>
      <c r="B106" s="114" t="s">
        <v>162</v>
      </c>
      <c r="C106" s="42"/>
      <c r="D106" s="119"/>
      <c r="E106" s="120"/>
    </row>
    <row r="107" spans="1:5" s="2" customFormat="1" ht="40.5" customHeight="1" x14ac:dyDescent="0.25">
      <c r="A107" s="108" t="s">
        <v>174</v>
      </c>
      <c r="B107" s="114" t="s">
        <v>163</v>
      </c>
      <c r="C107" s="42"/>
      <c r="D107" s="119"/>
      <c r="E107" s="120"/>
    </row>
    <row r="108" spans="1:5" s="2" customFormat="1" ht="51.75" customHeight="1" x14ac:dyDescent="0.25">
      <c r="A108" s="110" t="s">
        <v>185</v>
      </c>
      <c r="B108" s="114" t="s">
        <v>205</v>
      </c>
      <c r="C108" s="80"/>
      <c r="D108" s="121"/>
      <c r="E108" s="122"/>
    </row>
    <row r="109" spans="1:5" s="2" customFormat="1" ht="23.25" customHeight="1" x14ac:dyDescent="0.25">
      <c r="A109" s="111" t="s">
        <v>179</v>
      </c>
      <c r="B109" s="114" t="s">
        <v>175</v>
      </c>
      <c r="C109" s="16"/>
      <c r="D109" s="121"/>
      <c r="E109" s="122"/>
    </row>
    <row r="110" spans="1:5" s="2" customFormat="1" ht="24" customHeight="1" x14ac:dyDescent="0.25">
      <c r="A110" s="108" t="s">
        <v>180</v>
      </c>
      <c r="B110" s="114" t="s">
        <v>206</v>
      </c>
      <c r="C110" s="80"/>
      <c r="D110" s="121"/>
      <c r="E110" s="122"/>
    </row>
    <row r="111" spans="1:5" s="2" customFormat="1" ht="43.5" customHeight="1" x14ac:dyDescent="0.25">
      <c r="A111" s="109" t="s">
        <v>181</v>
      </c>
      <c r="B111" s="114" t="s">
        <v>207</v>
      </c>
      <c r="C111" s="42"/>
      <c r="D111" s="119"/>
      <c r="E111" s="120"/>
    </row>
    <row r="112" spans="1:5" s="2" customFormat="1" ht="54.75" customHeight="1" x14ac:dyDescent="0.25">
      <c r="A112" s="107" t="s">
        <v>182</v>
      </c>
      <c r="B112" s="114" t="s">
        <v>176</v>
      </c>
      <c r="C112" s="42"/>
      <c r="D112" s="121"/>
      <c r="E112" s="122"/>
    </row>
    <row r="113" spans="1:6" s="2" customFormat="1" ht="48.75" customHeight="1" x14ac:dyDescent="0.25">
      <c r="A113" s="108" t="s">
        <v>183</v>
      </c>
      <c r="B113" s="115" t="s">
        <v>177</v>
      </c>
      <c r="C113" s="42"/>
      <c r="D113" s="187"/>
      <c r="E113" s="188"/>
    </row>
    <row r="114" spans="1:6" s="2" customFormat="1" ht="39" customHeight="1" x14ac:dyDescent="0.25">
      <c r="A114" s="109" t="s">
        <v>184</v>
      </c>
      <c r="B114" s="115" t="s">
        <v>178</v>
      </c>
      <c r="C114" s="42"/>
      <c r="D114" s="119"/>
      <c r="E114" s="120"/>
    </row>
    <row r="115" spans="1:6" s="2" customFormat="1" ht="114" customHeight="1" x14ac:dyDescent="0.25">
      <c r="A115" s="110" t="s">
        <v>190</v>
      </c>
      <c r="B115" s="114" t="s">
        <v>186</v>
      </c>
      <c r="C115" s="16"/>
      <c r="D115" s="121"/>
      <c r="E115" s="122"/>
    </row>
    <row r="116" spans="1:6" s="2" customFormat="1" ht="49.5" customHeight="1" x14ac:dyDescent="0.25">
      <c r="A116" s="110" t="s">
        <v>191</v>
      </c>
      <c r="B116" s="114" t="s">
        <v>187</v>
      </c>
      <c r="C116" s="16"/>
      <c r="D116" s="121"/>
      <c r="E116" s="122"/>
    </row>
    <row r="117" spans="1:6" s="2" customFormat="1" ht="54.75" customHeight="1" x14ac:dyDescent="0.25">
      <c r="A117" s="112" t="s">
        <v>192</v>
      </c>
      <c r="B117" s="114" t="s">
        <v>188</v>
      </c>
      <c r="C117" s="42"/>
      <c r="D117" s="119"/>
      <c r="E117" s="120"/>
    </row>
    <row r="118" spans="1:6" s="2" customFormat="1" ht="65.25" customHeight="1" x14ac:dyDescent="0.25">
      <c r="A118" s="110" t="s">
        <v>193</v>
      </c>
      <c r="B118" s="114" t="s">
        <v>189</v>
      </c>
      <c r="C118" s="42"/>
      <c r="D118" s="119"/>
      <c r="E118" s="120"/>
    </row>
    <row r="119" spans="1:6" s="2" customFormat="1" ht="150" customHeight="1" x14ac:dyDescent="0.25">
      <c r="A119" s="110" t="s">
        <v>194</v>
      </c>
      <c r="B119" s="114" t="s">
        <v>197</v>
      </c>
      <c r="C119" s="42"/>
      <c r="D119" s="119"/>
      <c r="E119" s="120"/>
    </row>
    <row r="120" spans="1:6" s="2" customFormat="1" ht="86.25" customHeight="1" x14ac:dyDescent="0.25">
      <c r="A120" s="110" t="s">
        <v>195</v>
      </c>
      <c r="B120" s="114" t="s">
        <v>198</v>
      </c>
      <c r="C120" s="42"/>
      <c r="D120" s="119"/>
      <c r="E120" s="120"/>
    </row>
    <row r="121" spans="1:6" s="2" customFormat="1" ht="99.75" customHeight="1" x14ac:dyDescent="0.25">
      <c r="A121" s="110" t="s">
        <v>196</v>
      </c>
      <c r="B121" s="114" t="s">
        <v>199</v>
      </c>
      <c r="C121" s="61"/>
      <c r="D121" s="119"/>
      <c r="E121" s="120"/>
    </row>
    <row r="122" spans="1:6" s="2" customFormat="1" ht="55.5" customHeight="1" x14ac:dyDescent="0.25">
      <c r="A122" s="110" t="s">
        <v>202</v>
      </c>
      <c r="B122" s="114" t="s">
        <v>200</v>
      </c>
      <c r="C122" s="61"/>
      <c r="D122" s="119"/>
      <c r="E122" s="120"/>
    </row>
    <row r="123" spans="1:6" s="2" customFormat="1" ht="38.25" customHeight="1" x14ac:dyDescent="0.25">
      <c r="A123" s="110" t="s">
        <v>203</v>
      </c>
      <c r="B123" s="114" t="s">
        <v>201</v>
      </c>
      <c r="C123" s="61"/>
      <c r="D123" s="119"/>
      <c r="E123" s="120"/>
    </row>
    <row r="124" spans="1:6" s="3" customFormat="1" ht="5.0999999999999996" customHeight="1" x14ac:dyDescent="0.25">
      <c r="A124" s="5"/>
      <c r="B124" s="5"/>
      <c r="C124" s="7"/>
      <c r="D124" s="7"/>
      <c r="E124" s="27"/>
    </row>
    <row r="125" spans="1:6" s="2" customFormat="1" ht="20.100000000000001" customHeight="1" x14ac:dyDescent="0.25">
      <c r="A125" s="118" t="s">
        <v>89</v>
      </c>
      <c r="B125" s="118"/>
      <c r="C125" s="118"/>
      <c r="D125" s="118"/>
      <c r="E125" s="118"/>
      <c r="F125" s="132"/>
    </row>
    <row r="126" spans="1:6" s="2" customFormat="1" ht="4.5" customHeight="1" thickBot="1" x14ac:dyDescent="0.3">
      <c r="F126" s="132"/>
    </row>
    <row r="127" spans="1:6" s="2" customFormat="1" ht="80.25" customHeight="1" x14ac:dyDescent="0.25">
      <c r="A127" s="170" t="s">
        <v>94</v>
      </c>
      <c r="B127" s="171"/>
      <c r="C127" s="174" t="s">
        <v>93</v>
      </c>
      <c r="D127" s="175"/>
      <c r="E127" s="176"/>
      <c r="F127" s="132"/>
    </row>
    <row r="128" spans="1:6" s="3" customFormat="1" ht="29.25" customHeight="1" x14ac:dyDescent="0.25">
      <c r="A128" s="172"/>
      <c r="B128" s="173"/>
      <c r="C128" s="81" t="s">
        <v>86</v>
      </c>
      <c r="D128" s="177" t="s">
        <v>87</v>
      </c>
      <c r="E128" s="178"/>
      <c r="F128" s="132"/>
    </row>
    <row r="129" spans="1:6" s="3" customFormat="1" ht="27" customHeight="1" x14ac:dyDescent="0.25">
      <c r="A129" s="70" t="s">
        <v>115</v>
      </c>
      <c r="B129" s="113" t="s">
        <v>90</v>
      </c>
      <c r="C129" s="42"/>
      <c r="D129" s="119"/>
      <c r="E129" s="120"/>
      <c r="F129" s="132"/>
    </row>
    <row r="130" spans="1:6" s="3" customFormat="1" ht="24.95" customHeight="1" x14ac:dyDescent="0.25">
      <c r="A130" s="70" t="s">
        <v>91</v>
      </c>
      <c r="B130" s="116" t="s">
        <v>95</v>
      </c>
      <c r="C130" s="42"/>
      <c r="D130" s="119"/>
      <c r="E130" s="120"/>
      <c r="F130" s="132"/>
    </row>
    <row r="131" spans="1:6" s="3" customFormat="1" ht="31.5" customHeight="1" thickBot="1" x14ac:dyDescent="0.3">
      <c r="A131" s="82" t="s">
        <v>92</v>
      </c>
      <c r="B131" s="117" t="s">
        <v>114</v>
      </c>
      <c r="C131" s="43"/>
      <c r="D131" s="181"/>
      <c r="E131" s="182"/>
      <c r="F131" s="132"/>
    </row>
    <row r="132" spans="1:6" s="2" customFormat="1" ht="5.0999999999999996" customHeight="1" x14ac:dyDescent="0.25">
      <c r="A132" s="5"/>
      <c r="B132" s="5"/>
      <c r="C132" s="7"/>
      <c r="D132" s="7"/>
      <c r="E132" s="27"/>
    </row>
    <row r="133" spans="1:6" s="2" customFormat="1" ht="22.5" customHeight="1" x14ac:dyDescent="0.25">
      <c r="A133" s="127" t="s">
        <v>96</v>
      </c>
      <c r="B133" s="127"/>
      <c r="C133" s="127"/>
      <c r="D133" s="127"/>
      <c r="E133" s="127"/>
    </row>
    <row r="134" spans="1:6" s="3" customFormat="1" ht="30" customHeight="1" x14ac:dyDescent="0.25">
      <c r="A134" s="5" t="s">
        <v>97</v>
      </c>
      <c r="B134" s="179" t="s">
        <v>99</v>
      </c>
      <c r="C134" s="179"/>
      <c r="D134" s="179"/>
      <c r="E134" s="179"/>
    </row>
    <row r="135" spans="1:6" s="29" customFormat="1" ht="30" customHeight="1" x14ac:dyDescent="0.25">
      <c r="A135" s="5" t="s">
        <v>98</v>
      </c>
      <c r="B135" s="179" t="s">
        <v>100</v>
      </c>
      <c r="C135" s="179"/>
      <c r="D135" s="179"/>
      <c r="E135" s="179"/>
    </row>
    <row r="136" spans="1:6" s="29" customFormat="1" ht="30" customHeight="1" x14ac:dyDescent="0.25">
      <c r="A136" s="183" t="s">
        <v>101</v>
      </c>
      <c r="B136" s="183"/>
      <c r="C136" s="183"/>
      <c r="D136" s="183"/>
      <c r="E136" s="183"/>
    </row>
    <row r="137" spans="1:6" s="29" customFormat="1" ht="30" customHeight="1" x14ac:dyDescent="0.25">
      <c r="A137" s="180"/>
      <c r="B137" s="180"/>
      <c r="C137" s="180"/>
      <c r="D137" s="180"/>
      <c r="E137" s="3"/>
    </row>
    <row r="138" spans="1:6" s="2" customFormat="1" ht="24.95" customHeight="1" x14ac:dyDescent="0.25">
      <c r="A138" s="28" t="s">
        <v>102</v>
      </c>
      <c r="B138" s="52"/>
      <c r="C138" s="52"/>
      <c r="E138" s="29"/>
    </row>
    <row r="139" spans="1:6" s="2" customFormat="1" ht="24.95" customHeight="1" x14ac:dyDescent="0.25">
      <c r="A139" s="28" t="s">
        <v>103</v>
      </c>
      <c r="B139" s="53"/>
      <c r="C139" s="53"/>
      <c r="E139" s="29"/>
    </row>
    <row r="140" spans="1:6" s="2" customFormat="1" ht="24.95" customHeight="1" x14ac:dyDescent="0.25">
      <c r="A140" s="28" t="s">
        <v>104</v>
      </c>
      <c r="B140" s="53"/>
      <c r="C140" s="53"/>
      <c r="E140" s="29"/>
    </row>
    <row r="141" spans="1:6" s="3" customFormat="1" ht="24.95" customHeight="1" x14ac:dyDescent="0.25">
      <c r="A141" s="28" t="s">
        <v>105</v>
      </c>
      <c r="B141" s="53"/>
      <c r="C141" s="53"/>
      <c r="D141" s="2"/>
      <c r="E141" s="30"/>
    </row>
    <row r="142" spans="1:6" s="2" customFormat="1" ht="46.5" customHeight="1" x14ac:dyDescent="0.2">
      <c r="A142" s="11"/>
      <c r="B142" s="12"/>
      <c r="C142" s="12"/>
      <c r="E142" s="31"/>
    </row>
    <row r="143" spans="1:6" s="3" customFormat="1" ht="15" customHeight="1" x14ac:dyDescent="0.25">
      <c r="A143" s="168" t="s">
        <v>106</v>
      </c>
      <c r="B143" s="168"/>
      <c r="C143" s="168"/>
      <c r="D143" s="168"/>
      <c r="E143" s="168"/>
    </row>
    <row r="144" spans="1:6" s="2" customFormat="1" ht="36.75" customHeight="1" x14ac:dyDescent="0.25">
      <c r="A144" s="169" t="s">
        <v>107</v>
      </c>
      <c r="B144" s="169"/>
      <c r="C144" s="169"/>
      <c r="D144" s="169"/>
      <c r="E144" s="169"/>
    </row>
    <row r="145" spans="1:5" s="2" customFormat="1" ht="20.100000000000001" customHeight="1" x14ac:dyDescent="0.2">
      <c r="A145" s="1"/>
      <c r="B145" s="1"/>
      <c r="C145" s="8"/>
      <c r="D145" s="8"/>
    </row>
    <row r="146" spans="1:5" s="3" customFormat="1" ht="20.25" customHeight="1" x14ac:dyDescent="0.2">
      <c r="A146" s="1"/>
      <c r="B146" s="1"/>
      <c r="C146" s="8"/>
      <c r="D146" s="8"/>
      <c r="E146" s="2"/>
    </row>
    <row r="147" spans="1:5" s="3" customFormat="1" ht="20.100000000000001" customHeight="1" x14ac:dyDescent="0.25">
      <c r="A147" s="32" t="s">
        <v>108</v>
      </c>
      <c r="B147" s="49"/>
      <c r="C147" s="33" t="s">
        <v>110</v>
      </c>
      <c r="D147" s="184"/>
      <c r="E147" s="184"/>
    </row>
    <row r="148" spans="1:5" s="3" customFormat="1" ht="20.100000000000001" customHeight="1" x14ac:dyDescent="0.25">
      <c r="A148" s="45" t="s">
        <v>109</v>
      </c>
      <c r="B148" s="50"/>
      <c r="C148" s="34"/>
      <c r="D148" s="35"/>
      <c r="E148" s="35"/>
    </row>
    <row r="149" spans="1:5" ht="20.100000000000001" customHeight="1" x14ac:dyDescent="0.2">
      <c r="C149" s="36" t="s">
        <v>111</v>
      </c>
      <c r="D149" s="185"/>
      <c r="E149" s="185"/>
    </row>
    <row r="150" spans="1:5" s="2" customFormat="1" ht="20.100000000000001" customHeight="1" x14ac:dyDescent="0.2">
      <c r="A150" s="1"/>
      <c r="B150" s="1"/>
      <c r="C150" s="36" t="s">
        <v>112</v>
      </c>
      <c r="D150" s="167"/>
      <c r="E150" s="167"/>
    </row>
    <row r="151" spans="1:5" s="2" customFormat="1" ht="20.100000000000001" customHeight="1" x14ac:dyDescent="0.2">
      <c r="A151" s="1"/>
      <c r="B151" s="1"/>
      <c r="C151" s="37" t="s">
        <v>113</v>
      </c>
      <c r="D151" s="1"/>
    </row>
    <row r="152" spans="1:5" s="2" customFormat="1" ht="37.5" customHeight="1" x14ac:dyDescent="0.25"/>
    <row r="153" spans="1:5" s="2" customFormat="1" ht="24" customHeight="1" x14ac:dyDescent="0.25"/>
    <row r="154" spans="1:5" s="2" customFormat="1" ht="24" customHeight="1" x14ac:dyDescent="0.25"/>
    <row r="155" spans="1:5" s="2" customFormat="1" ht="24" customHeight="1" x14ac:dyDescent="0.25"/>
    <row r="156" spans="1:5" s="2" customFormat="1" ht="20.100000000000001" customHeight="1" x14ac:dyDescent="0.25"/>
    <row r="157" spans="1:5" s="2" customFormat="1" ht="20.100000000000001" customHeight="1" x14ac:dyDescent="0.25"/>
    <row r="158" spans="1:5" s="2" customFormat="1" ht="50.1" customHeight="1" x14ac:dyDescent="0.25"/>
    <row r="159" spans="1:5" s="2" customFormat="1" ht="43.5" customHeight="1" x14ac:dyDescent="0.25"/>
    <row r="160" spans="1:5" ht="24.75" customHeight="1" x14ac:dyDescent="0.2">
      <c r="A160" s="2"/>
      <c r="B160" s="2"/>
      <c r="C160" s="2"/>
      <c r="D160" s="2"/>
    </row>
    <row r="161" spans="1:4" x14ac:dyDescent="0.2">
      <c r="A161" s="2"/>
      <c r="B161" s="2"/>
      <c r="C161" s="2"/>
      <c r="D161" s="2"/>
    </row>
    <row r="162" spans="1:4" ht="20.100000000000001" customHeight="1" x14ac:dyDescent="0.2"/>
    <row r="163" spans="1:4" ht="4.5" customHeight="1" x14ac:dyDescent="0.2"/>
    <row r="164" spans="1:4" ht="20.100000000000001" customHeight="1" x14ac:dyDescent="0.2"/>
    <row r="165" spans="1:4" ht="20.100000000000001" customHeight="1" x14ac:dyDescent="0.2"/>
    <row r="166" spans="1:4" ht="20.100000000000001" customHeight="1" x14ac:dyDescent="0.2"/>
  </sheetData>
  <mergeCells count="117">
    <mergeCell ref="A75:B76"/>
    <mergeCell ref="D96:E96"/>
    <mergeCell ref="D84:E84"/>
    <mergeCell ref="D85:E85"/>
    <mergeCell ref="D86:E86"/>
    <mergeCell ref="D87:E87"/>
    <mergeCell ref="D77:E77"/>
    <mergeCell ref="D80:E80"/>
    <mergeCell ref="D81:E81"/>
    <mergeCell ref="D78:E78"/>
    <mergeCell ref="D79:E79"/>
    <mergeCell ref="D83:E83"/>
    <mergeCell ref="D95:E95"/>
    <mergeCell ref="D94:E94"/>
    <mergeCell ref="D97:E97"/>
    <mergeCell ref="D99:E99"/>
    <mergeCell ref="D98:E98"/>
    <mergeCell ref="D100:E100"/>
    <mergeCell ref="D101:E101"/>
    <mergeCell ref="D121:E121"/>
    <mergeCell ref="D112:E112"/>
    <mergeCell ref="D113:E113"/>
    <mergeCell ref="D104:E104"/>
    <mergeCell ref="D106:E106"/>
    <mergeCell ref="D107:E107"/>
    <mergeCell ref="D108:E108"/>
    <mergeCell ref="D109:E109"/>
    <mergeCell ref="D110:E110"/>
    <mergeCell ref="D111:E111"/>
    <mergeCell ref="D102:E102"/>
    <mergeCell ref="D103:E103"/>
    <mergeCell ref="D122:E122"/>
    <mergeCell ref="D123:E123"/>
    <mergeCell ref="D147:E147"/>
    <mergeCell ref="D149:E149"/>
    <mergeCell ref="D150:E150"/>
    <mergeCell ref="A143:E143"/>
    <mergeCell ref="A144:E144"/>
    <mergeCell ref="A127:B128"/>
    <mergeCell ref="C127:E127"/>
    <mergeCell ref="D128:E128"/>
    <mergeCell ref="A133:E133"/>
    <mergeCell ref="B134:E134"/>
    <mergeCell ref="B135:E135"/>
    <mergeCell ref="A137:D137"/>
    <mergeCell ref="D129:E129"/>
    <mergeCell ref="D130:E130"/>
    <mergeCell ref="D131:E131"/>
    <mergeCell ref="A136:E136"/>
    <mergeCell ref="D93:E93"/>
    <mergeCell ref="D88:E88"/>
    <mergeCell ref="D89:E89"/>
    <mergeCell ref="D90:E90"/>
    <mergeCell ref="D91:E91"/>
    <mergeCell ref="D92:E92"/>
    <mergeCell ref="A2:E2"/>
    <mergeCell ref="D82:E82"/>
    <mergeCell ref="A24:C24"/>
    <mergeCell ref="C75:E75"/>
    <mergeCell ref="D76:E76"/>
    <mergeCell ref="A41:B42"/>
    <mergeCell ref="D61:E61"/>
    <mergeCell ref="D65:E65"/>
    <mergeCell ref="D66:E66"/>
    <mergeCell ref="D44:E44"/>
    <mergeCell ref="D45:E45"/>
    <mergeCell ref="D43:E43"/>
    <mergeCell ref="D53:E53"/>
    <mergeCell ref="D59:E59"/>
    <mergeCell ref="D60:E60"/>
    <mergeCell ref="D46:E46"/>
    <mergeCell ref="A25:E25"/>
    <mergeCell ref="D67:E67"/>
    <mergeCell ref="D68:E68"/>
    <mergeCell ref="A1:E1"/>
    <mergeCell ref="A12:C12"/>
    <mergeCell ref="A27:B27"/>
    <mergeCell ref="A30:B30"/>
    <mergeCell ref="D47:E47"/>
    <mergeCell ref="D48:E48"/>
    <mergeCell ref="D49:E49"/>
    <mergeCell ref="D50:E50"/>
    <mergeCell ref="D51:E51"/>
    <mergeCell ref="C41:C42"/>
    <mergeCell ref="D41:E42"/>
    <mergeCell ref="A73:E73"/>
    <mergeCell ref="D64:E64"/>
    <mergeCell ref="D69:E69"/>
    <mergeCell ref="F125:F131"/>
    <mergeCell ref="A3:E3"/>
    <mergeCell ref="A7:E7"/>
    <mergeCell ref="A8:E8"/>
    <mergeCell ref="A9:E9"/>
    <mergeCell ref="A11:E11"/>
    <mergeCell ref="A17:C17"/>
    <mergeCell ref="A37:E37"/>
    <mergeCell ref="A39:B40"/>
    <mergeCell ref="C39:E39"/>
    <mergeCell ref="D40:E40"/>
    <mergeCell ref="A26:E26"/>
    <mergeCell ref="B31:C31"/>
    <mergeCell ref="B32:C32"/>
    <mergeCell ref="A20:C20"/>
    <mergeCell ref="A21:C21"/>
    <mergeCell ref="A22:E22"/>
    <mergeCell ref="A23:E23"/>
    <mergeCell ref="A125:E125"/>
    <mergeCell ref="D105:E105"/>
    <mergeCell ref="D119:E119"/>
    <mergeCell ref="D120:E120"/>
    <mergeCell ref="D114:E114"/>
    <mergeCell ref="D115:E115"/>
    <mergeCell ref="D116:E116"/>
    <mergeCell ref="D117:E117"/>
    <mergeCell ref="D118:E118"/>
    <mergeCell ref="D62:E62"/>
    <mergeCell ref="D63:E63"/>
  </mergeCells>
  <phoneticPr fontId="14" type="noConversion"/>
  <conditionalFormatting sqref="B147:B148 B4:B5 B138:B141 C43:C44 C46:C71">
    <cfRule type="containsBlanks" dxfId="10" priority="32">
      <formula>LEN(TRIM(B4))=0</formula>
    </cfRule>
  </conditionalFormatting>
  <conditionalFormatting sqref="D149:E149">
    <cfRule type="containsBlanks" dxfId="9" priority="31">
      <formula>LEN(TRIM(D149))=0</formula>
    </cfRule>
  </conditionalFormatting>
  <conditionalFormatting sqref="D150:E150">
    <cfRule type="containsBlanks" dxfId="8" priority="30">
      <formula>LEN(TRIM(D150))=0</formula>
    </cfRule>
  </conditionalFormatting>
  <conditionalFormatting sqref="C77:C87 C96:C117 C119:C123">
    <cfRule type="containsBlanks" dxfId="7" priority="22">
      <formula>LEN(TRIM(C77))=0</formula>
    </cfRule>
  </conditionalFormatting>
  <conditionalFormatting sqref="C129">
    <cfRule type="containsBlanks" dxfId="6" priority="21">
      <formula>LEN(TRIM(C129))=0</formula>
    </cfRule>
  </conditionalFormatting>
  <conditionalFormatting sqref="C130:C131">
    <cfRule type="containsBlanks" dxfId="5" priority="20">
      <formula>LEN(TRIM(C130))=0</formula>
    </cfRule>
  </conditionalFormatting>
  <conditionalFormatting sqref="C88:C95">
    <cfRule type="containsBlanks" dxfId="3" priority="4">
      <formula>LEN(TRIM(C88))=0</formula>
    </cfRule>
  </conditionalFormatting>
  <conditionalFormatting sqref="C118">
    <cfRule type="containsBlanks" dxfId="2" priority="3">
      <formula>LEN(TRIM(C118))=0</formula>
    </cfRule>
  </conditionalFormatting>
  <conditionalFormatting sqref="C45">
    <cfRule type="containsBlanks" dxfId="1" priority="2">
      <formula>LEN(TRIM(C45))=0</formula>
    </cfRule>
  </conditionalFormatting>
  <conditionalFormatting sqref="C41">
    <cfRule type="containsBlanks" dxfId="0" priority="1">
      <formula>LEN(TRIM(C41))=0</formula>
    </cfRule>
  </conditionalFormatting>
  <hyperlinks>
    <hyperlink ref="B122" r:id="rId1" tooltip="http://www.vusch.sk" display="http://www.vusch.sk/"/>
  </hyperlinks>
  <pageMargins left="0.7" right="0.7" top="0.97499999999999998" bottom="0.75" header="0.3" footer="0.3"/>
  <pageSetup paperSize="9" scale="44" fitToHeight="0" orientation="portrait" r:id="rId2"/>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101" max="9" man="1"/>
    <brk id="124" max="8" man="1"/>
  </rowBreaks>
  <drawing r:id="rId3"/>
  <legacyDrawing r:id="rId4"/>
  <mc:AlternateContent xmlns:mc="http://schemas.openxmlformats.org/markup-compatibility/2006">
    <mc:Choice Requires="x14">
      <controls>
        <mc:AlternateContent xmlns:mc="http://schemas.openxmlformats.org/markup-compatibility/2006">
          <mc:Choice Requires="x14">
            <control shapeId="8195" r:id="rId5" name="Check Box 3">
              <controlPr defaultSize="0" autoFill="0" autoLine="0" autoPict="0">
                <anchor moveWithCells="1">
                  <from>
                    <xdr:col>0</xdr:col>
                    <xdr:colOff>628650</xdr:colOff>
                    <xdr:row>27</xdr:row>
                    <xdr:rowOff>0</xdr:rowOff>
                  </from>
                  <to>
                    <xdr:col>1</xdr:col>
                    <xdr:colOff>76200</xdr:colOff>
                    <xdr:row>27</xdr:row>
                    <xdr:rowOff>219075</xdr:rowOff>
                  </to>
                </anchor>
              </controlPr>
            </control>
          </mc:Choice>
        </mc:AlternateContent>
        <mc:AlternateContent xmlns:mc="http://schemas.openxmlformats.org/markup-compatibility/2006">
          <mc:Choice Requires="x14">
            <control shapeId="8196" r:id="rId6" name="Check Box 4">
              <controlPr defaultSize="0" autoFill="0" autoLine="0" autoPict="0">
                <anchor moveWithCells="1">
                  <from>
                    <xdr:col>0</xdr:col>
                    <xdr:colOff>628650</xdr:colOff>
                    <xdr:row>28</xdr:row>
                    <xdr:rowOff>9525</xdr:rowOff>
                  </from>
                  <to>
                    <xdr:col>1</xdr:col>
                    <xdr:colOff>76200</xdr:colOff>
                    <xdr:row>28</xdr:row>
                    <xdr:rowOff>228600</xdr:rowOff>
                  </to>
                </anchor>
              </controlPr>
            </control>
          </mc:Choice>
        </mc:AlternateContent>
        <mc:AlternateContent xmlns:mc="http://schemas.openxmlformats.org/markup-compatibility/2006">
          <mc:Choice Requires="x14">
            <control shapeId="8197" r:id="rId7" name="Check Box 5">
              <controlPr defaultSize="0" autoFill="0" autoLine="0" autoPict="0">
                <anchor moveWithCells="1">
                  <from>
                    <xdr:col>0</xdr:col>
                    <xdr:colOff>628650</xdr:colOff>
                    <xdr:row>33</xdr:row>
                    <xdr:rowOff>9525</xdr:rowOff>
                  </from>
                  <to>
                    <xdr:col>1</xdr:col>
                    <xdr:colOff>76200</xdr:colOff>
                    <xdr:row>33</xdr:row>
                    <xdr:rowOff>228600</xdr:rowOff>
                  </to>
                </anchor>
              </controlPr>
            </control>
          </mc:Choice>
        </mc:AlternateContent>
        <mc:AlternateContent xmlns:mc="http://schemas.openxmlformats.org/markup-compatibility/2006">
          <mc:Choice Requires="x14">
            <control shapeId="8198" r:id="rId8" name="Check Box 6">
              <controlPr defaultSize="0" autoFill="0" autoLine="0" autoPict="0">
                <anchor moveWithCells="1">
                  <from>
                    <xdr:col>0</xdr:col>
                    <xdr:colOff>628650</xdr:colOff>
                    <xdr:row>34</xdr:row>
                    <xdr:rowOff>0</xdr:rowOff>
                  </from>
                  <to>
                    <xdr:col>1</xdr:col>
                    <xdr:colOff>76200</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Katarína Kupcová</cp:lastModifiedBy>
  <cp:lastPrinted>2020-11-19T14:06:09Z</cp:lastPrinted>
  <dcterms:created xsi:type="dcterms:W3CDTF">2017-04-21T05:51:15Z</dcterms:created>
  <dcterms:modified xsi:type="dcterms:W3CDTF">2022-07-11T05:41:26Z</dcterms:modified>
</cp:coreProperties>
</file>